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notesSlides/notesSlide4.xml" ContentType="application/vnd.openxmlformats-officedocument.presentationml.notesSlide+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notesSlides/notesSlide5.xml" ContentType="application/vnd.openxmlformats-officedocument.presentationml.notesSlide+xml"/>
  <Override PartName="/ppt/tags/tag21.xml" ContentType="application/vnd.openxmlformats-officedocument.presentationml.tags+xml"/>
  <Override PartName="/ppt/tags/tag22.xml" ContentType="application/vnd.openxmlformats-officedocument.presentationml.tags+xml"/>
  <Override PartName="/ppt/notesSlides/notesSlide6.xml" ContentType="application/vnd.openxmlformats-officedocument.presentationml.notesSlide+xml"/>
  <Override PartName="/ppt/tags/tag23.xml" ContentType="application/vnd.openxmlformats-officedocument.presentationml.tags+xml"/>
  <Override PartName="/ppt/tags/tag24.xml" ContentType="application/vnd.openxmlformats-officedocument.presentationml.tags+xml"/>
  <Override PartName="/ppt/notesSlides/notesSlide7.xml" ContentType="application/vnd.openxmlformats-officedocument.presentationml.notesSlide+xml"/>
  <Override PartName="/ppt/tags/tag25.xml" ContentType="application/vnd.openxmlformats-officedocument.presentationml.tags+xml"/>
  <Override PartName="/ppt/notesSlides/notesSlide8.xml" ContentType="application/vnd.openxmlformats-officedocument.presentationml.notesSlide+xml"/>
  <Override PartName="/ppt/tags/tag26.xml" ContentType="application/vnd.openxmlformats-officedocument.presentationml.tags+xml"/>
  <Override PartName="/ppt/notesSlides/notesSlide9.xml" ContentType="application/vnd.openxmlformats-officedocument.presentationml.notesSlide+xml"/>
  <Override PartName="/ppt/tags/tag27.xml" ContentType="application/vnd.openxmlformats-officedocument.presentationml.tags+xml"/>
  <Override PartName="/ppt/notesSlides/notesSlide10.xml" ContentType="application/vnd.openxmlformats-officedocument.presentationml.notesSlide+xml"/>
  <Override PartName="/ppt/tags/tag28.xml" ContentType="application/vnd.openxmlformats-officedocument.presentationml.tags+xml"/>
  <Override PartName="/ppt/notesSlides/notesSlide11.xml" ContentType="application/vnd.openxmlformats-officedocument.presentationml.notesSlide+xml"/>
  <Override PartName="/ppt/tags/tag29.xml" ContentType="application/vnd.openxmlformats-officedocument.presentationml.tags+xml"/>
  <Override PartName="/ppt/notesSlides/notesSlide12.xml" ContentType="application/vnd.openxmlformats-officedocument.presentationml.notesSlide+xml"/>
  <Override PartName="/ppt/tags/tag30.xml" ContentType="application/vnd.openxmlformats-officedocument.presentationml.tags+xml"/>
  <Override PartName="/ppt/notesSlides/notesSlide13.xml" ContentType="application/vnd.openxmlformats-officedocument.presentationml.notesSlide+xml"/>
  <Override PartName="/ppt/tags/tag31.xml" ContentType="application/vnd.openxmlformats-officedocument.presentationml.tags+xml"/>
  <Override PartName="/ppt/notesSlides/notesSlide14.xml" ContentType="application/vnd.openxmlformats-officedocument.presentationml.notesSlide+xml"/>
  <Override PartName="/ppt/tags/tag32.xml" ContentType="application/vnd.openxmlformats-officedocument.presentationml.tags+xml"/>
  <Override PartName="/ppt/notesSlides/notesSlide15.xml" ContentType="application/vnd.openxmlformats-officedocument.presentationml.notesSlide+xml"/>
  <Override PartName="/ppt/tags/tag33.xml" ContentType="application/vnd.openxmlformats-officedocument.presentationml.tags+xml"/>
  <Override PartName="/ppt/notesSlides/notesSlide16.xml" ContentType="application/vnd.openxmlformats-officedocument.presentationml.notesSlide+xml"/>
  <Override PartName="/ppt/tags/tag34.xml" ContentType="application/vnd.openxmlformats-officedocument.presentationml.tags+xml"/>
  <Override PartName="/ppt/notesSlides/notesSlide17.xml" ContentType="application/vnd.openxmlformats-officedocument.presentationml.notesSlide+xml"/>
  <Override PartName="/ppt/tags/tag35.xml" ContentType="application/vnd.openxmlformats-officedocument.presentationml.tags+xml"/>
  <Override PartName="/ppt/notesSlides/notesSlide18.xml" ContentType="application/vnd.openxmlformats-officedocument.presentationml.notesSlide+xml"/>
  <Override PartName="/ppt/tags/tag36.xml" ContentType="application/vnd.openxmlformats-officedocument.presentationml.tags+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tags/tag37.xml" ContentType="application/vnd.openxmlformats-officedocument.presentationml.tags+xml"/>
  <Override PartName="/ppt/notesSlides/notesSlide22.xml" ContentType="application/vnd.openxmlformats-officedocument.presentationml.notesSlide+xml"/>
  <Override PartName="/ppt/tags/tag38.xml" ContentType="application/vnd.openxmlformats-officedocument.presentationml.tags+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tags/tag39.xml" ContentType="application/vnd.openxmlformats-officedocument.presentationml.tags+xml"/>
  <Override PartName="/ppt/notesSlides/notesSlide26.xml" ContentType="application/vnd.openxmlformats-officedocument.presentationml.notesSlide+xml"/>
  <Override PartName="/ppt/tags/tag40.xml" ContentType="application/vnd.openxmlformats-officedocument.presentationml.tags+xml"/>
  <Override PartName="/ppt/notesSlides/notesSlide27.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officeDocument/2006/relationships/officeDocument" Target="ppt/presentation.xml"/><Relationship Id="rId1" Type="http://schemas.microsoft.com/office/2011/relationships/webextensiontaskpanes" Target="ppt/webextensions/taskpanes.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6"/>
  </p:sldMasterIdLst>
  <p:notesMasterIdLst>
    <p:notesMasterId r:id="rId34"/>
  </p:notesMasterIdLst>
  <p:handoutMasterIdLst>
    <p:handoutMasterId r:id="rId35"/>
  </p:handoutMasterIdLst>
  <p:sldIdLst>
    <p:sldId id="277" r:id="rId7"/>
    <p:sldId id="300" r:id="rId8"/>
    <p:sldId id="2103812636" r:id="rId9"/>
    <p:sldId id="2103812659" r:id="rId10"/>
    <p:sldId id="2103812637" r:id="rId11"/>
    <p:sldId id="1433" r:id="rId12"/>
    <p:sldId id="2103812672" r:id="rId13"/>
    <p:sldId id="1800477998" r:id="rId14"/>
    <p:sldId id="2103812669" r:id="rId15"/>
    <p:sldId id="2103812630" r:id="rId16"/>
    <p:sldId id="301" r:id="rId17"/>
    <p:sldId id="289" r:id="rId18"/>
    <p:sldId id="2103812674" r:id="rId19"/>
    <p:sldId id="290" r:id="rId20"/>
    <p:sldId id="2103812675" r:id="rId21"/>
    <p:sldId id="291" r:id="rId22"/>
    <p:sldId id="2103812676" r:id="rId23"/>
    <p:sldId id="286" r:id="rId24"/>
    <p:sldId id="2103812683" r:id="rId25"/>
    <p:sldId id="2103812678" r:id="rId26"/>
    <p:sldId id="2103812682" r:id="rId27"/>
    <p:sldId id="2103812684" r:id="rId28"/>
    <p:sldId id="1065" r:id="rId29"/>
    <p:sldId id="1435" r:id="rId30"/>
    <p:sldId id="2103812686" r:id="rId31"/>
    <p:sldId id="2103812685" r:id="rId32"/>
    <p:sldId id="2103812680" r:id="rId33"/>
  </p:sldIdLst>
  <p:sldSz cx="12192000" cy="6858000"/>
  <p:notesSz cx="9866313" cy="14295438"/>
  <p:embeddedFontLst>
    <p:embeddedFont>
      <p:font typeface="Calibri" panose="020F0502020204030204" pitchFamily="34" charset="0"/>
      <p:regular r:id="rId36"/>
      <p:bold r:id="rId37"/>
      <p:italic r:id="rId38"/>
      <p:boldItalic r:id="rId39"/>
    </p:embeddedFont>
    <p:embeddedFont>
      <p:font typeface="Open Sans" panose="020B0606030504020204" pitchFamily="34" charset="0"/>
      <p:regular r:id="rId40"/>
      <p:bold r:id="rId41"/>
      <p:italic r:id="rId42"/>
      <p:boldItalic r:id="rId43"/>
    </p:embeddedFont>
    <p:embeddedFont>
      <p:font typeface="Open Sans Extrabold" panose="020B0906030804020204" pitchFamily="34" charset="0"/>
      <p:bold r:id="rId44"/>
      <p:italic r:id="rId45"/>
      <p:boldItalic r:id="rId46"/>
    </p:embeddedFont>
    <p:embeddedFont>
      <p:font typeface="Open Sans Extrabold" panose="020B0906030804020204" pitchFamily="34" charset="0"/>
      <p:bold r:id="rId44"/>
      <p:italic r:id="rId45"/>
      <p:boldItalic r:id="rId46"/>
    </p:embeddedFont>
    <p:embeddedFont>
      <p:font typeface="Open Sans Light" panose="020B0306030504020204" pitchFamily="34" charset="0"/>
      <p:regular r:id="rId47"/>
      <p:italic r:id="rId48"/>
    </p:embeddedFont>
    <p:embeddedFont>
      <p:font typeface="OpenSans" panose="020B0604020202020204" charset="0"/>
      <p:regular r:id="rId49"/>
    </p:embeddedFont>
    <p:embeddedFont>
      <p:font typeface="OpenSans-Bold" panose="020B0604020202020204" charset="0"/>
      <p:bold r:id="rId50"/>
    </p:embeddedFont>
    <p:embeddedFont>
      <p:font typeface="OpenSymbol" panose="020B0604020202020204" charset="0"/>
      <p:regular r:id="rId51"/>
      <p:bold r:id="rId52"/>
      <p:italic r:id="rId53"/>
      <p:boldItalic r:id="rId54"/>
    </p:embeddedFont>
    <p:embeddedFont>
      <p:font typeface="Verdana" panose="020B0604030504040204" pitchFamily="34" charset="0"/>
      <p:regular r:id="rId55"/>
      <p:bold r:id="rId56"/>
      <p:italic r:id="rId57"/>
      <p:boldItalic r:id="rId58"/>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F5331E2B-0950-40BA-B59A-B77DB01BE38D}">
          <p14:sldIdLst>
            <p14:sldId id="277"/>
            <p14:sldId id="300"/>
            <p14:sldId id="2103812636"/>
            <p14:sldId id="2103812659"/>
            <p14:sldId id="2103812637"/>
            <p14:sldId id="1433"/>
            <p14:sldId id="2103812672"/>
            <p14:sldId id="1800477998"/>
            <p14:sldId id="2103812669"/>
            <p14:sldId id="2103812630"/>
            <p14:sldId id="301"/>
          </p14:sldIdLst>
        </p14:section>
        <p14:section name="Build your safe city with Milestone" id="{436DCB6A-8A44-4C77-B21E-B8315428A045}">
          <p14:sldIdLst/>
        </p14:section>
        <p14:section name="City safety" id="{67A30CB7-3484-4F80-BC9F-D94E358006B4}">
          <p14:sldIdLst>
            <p14:sldId id="289"/>
            <p14:sldId id="2103812674"/>
          </p14:sldIdLst>
        </p14:section>
        <p14:section name="City Mobility" id="{C464E016-0062-4DE5-97D8-5220E4DBDF8E}">
          <p14:sldIdLst>
            <p14:sldId id="290"/>
            <p14:sldId id="2103812675"/>
          </p14:sldIdLst>
        </p14:section>
        <p14:section name="City Sustainability" id="{3ED84E80-C7DA-46BD-9B47-BC9B57E50205}">
          <p14:sldIdLst>
            <p14:sldId id="291"/>
            <p14:sldId id="2103812676"/>
            <p14:sldId id="286"/>
            <p14:sldId id="2103812683"/>
            <p14:sldId id="2103812678"/>
            <p14:sldId id="2103812682"/>
            <p14:sldId id="2103812684"/>
            <p14:sldId id="1065"/>
            <p14:sldId id="1435"/>
            <p14:sldId id="2103812686"/>
            <p14:sldId id="2103812685"/>
            <p14:sldId id="2103812680"/>
          </p14:sldIdLst>
        </p14:section>
      </p14:sectionLst>
    </p:ext>
    <p:ext uri="{EFAFB233-063F-42B5-8137-9DF3F51BA10A}">
      <p15:sldGuideLst xmlns:p15="http://schemas.microsoft.com/office/powerpoint/2012/main">
        <p15:guide id="1" pos="3840" userDrawn="1">
          <p15:clr>
            <a:srgbClr val="A4A3A4"/>
          </p15:clr>
        </p15:guide>
        <p15:guide id="2" orient="horz" pos="2205" userDrawn="1">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Lisbet Hansen" initials="LH" lastIdx="2" clrIdx="0"/>
  <p:cmAuthor id="2" name="Linda Bauer" initials="LB" lastIdx="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23852"/>
    <a:srgbClr val="F1F1F1"/>
    <a:srgbClr val="0099DA"/>
    <a:srgbClr val="CDD4D8"/>
    <a:srgbClr val="214C64"/>
    <a:srgbClr val="40B3E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AFA1DEF-2A23-472A-92EC-D3079E23D441}" v="106" dt="2022-05-19T14:18:15.563"/>
  </p1510:revLst>
</p1510:revInfo>
</file>

<file path=ppt/tableStyles.xml><?xml version="1.0" encoding="utf-8"?>
<a:tblStyleLst xmlns:a="http://schemas.openxmlformats.org/drawingml/2006/main" def="{2D5ABB26-0587-4C30-8999-92F81FD0307C}">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361" autoAdjust="0"/>
    <p:restoredTop sz="67308" autoAdjust="0"/>
  </p:normalViewPr>
  <p:slideViewPr>
    <p:cSldViewPr snapToGrid="0">
      <p:cViewPr varScale="1">
        <p:scale>
          <a:sx n="47" d="100"/>
          <a:sy n="47" d="100"/>
        </p:scale>
        <p:origin x="43" y="182"/>
      </p:cViewPr>
      <p:guideLst>
        <p:guide pos="3840"/>
        <p:guide orient="horz" pos="2205"/>
      </p:guideLst>
    </p:cSldViewPr>
  </p:slideViewPr>
  <p:notesTextViewPr>
    <p:cViewPr>
      <p:scale>
        <a:sx n="125" d="100"/>
        <a:sy n="125" d="100"/>
      </p:scale>
      <p:origin x="0" y="0"/>
    </p:cViewPr>
  </p:notesTextViewPr>
  <p:sorterViewPr>
    <p:cViewPr>
      <p:scale>
        <a:sx n="1" d="1"/>
        <a:sy n="1" d="1"/>
      </p:scale>
      <p:origin x="0" y="0"/>
    </p:cViewPr>
  </p:sorter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openxmlformats.org/officeDocument/2006/relationships/font" Target="fonts/font4.fntdata"/><Relationship Id="rId21" Type="http://schemas.openxmlformats.org/officeDocument/2006/relationships/slide" Target="slides/slide15.xml"/><Relationship Id="rId34" Type="http://schemas.openxmlformats.org/officeDocument/2006/relationships/notesMaster" Target="notesMasters/notesMaster1.xml"/><Relationship Id="rId42" Type="http://schemas.openxmlformats.org/officeDocument/2006/relationships/font" Target="fonts/font7.fntdata"/><Relationship Id="rId47" Type="http://schemas.openxmlformats.org/officeDocument/2006/relationships/font" Target="fonts/font12.fntdata"/><Relationship Id="rId50" Type="http://schemas.openxmlformats.org/officeDocument/2006/relationships/font" Target="fonts/font15.fntdata"/><Relationship Id="rId55" Type="http://schemas.openxmlformats.org/officeDocument/2006/relationships/font" Target="fonts/font20.fntdata"/><Relationship Id="rId63" Type="http://schemas.openxmlformats.org/officeDocument/2006/relationships/tableStyles" Target="tableStyles.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 Target="slides/slide10.xml"/><Relationship Id="rId29" Type="http://schemas.openxmlformats.org/officeDocument/2006/relationships/slide" Target="slides/slide23.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font" Target="fonts/font2.fntdata"/><Relationship Id="rId40" Type="http://schemas.openxmlformats.org/officeDocument/2006/relationships/font" Target="fonts/font5.fntdata"/><Relationship Id="rId45" Type="http://schemas.openxmlformats.org/officeDocument/2006/relationships/font" Target="fonts/font10.fntdata"/><Relationship Id="rId53" Type="http://schemas.openxmlformats.org/officeDocument/2006/relationships/font" Target="fonts/font18.fntdata"/><Relationship Id="rId58" Type="http://schemas.openxmlformats.org/officeDocument/2006/relationships/font" Target="fonts/font23.fntdata"/><Relationship Id="rId5" Type="http://schemas.openxmlformats.org/officeDocument/2006/relationships/customXml" Target="../customXml/item5.xml"/><Relationship Id="rId61" Type="http://schemas.openxmlformats.org/officeDocument/2006/relationships/viewProps" Target="viewProps.xml"/><Relationship Id="rId19" Type="http://schemas.openxmlformats.org/officeDocument/2006/relationships/slide" Target="slides/slide1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handoutMaster" Target="handoutMasters/handoutMaster1.xml"/><Relationship Id="rId43" Type="http://schemas.openxmlformats.org/officeDocument/2006/relationships/font" Target="fonts/font8.fntdata"/><Relationship Id="rId48" Type="http://schemas.openxmlformats.org/officeDocument/2006/relationships/font" Target="fonts/font13.fntdata"/><Relationship Id="rId56" Type="http://schemas.openxmlformats.org/officeDocument/2006/relationships/font" Target="fonts/font21.fntdata"/><Relationship Id="rId64" Type="http://schemas.microsoft.com/office/2015/10/relationships/revisionInfo" Target="revisionInfo.xml"/><Relationship Id="rId8" Type="http://schemas.openxmlformats.org/officeDocument/2006/relationships/slide" Target="slides/slide2.xml"/><Relationship Id="rId51" Type="http://schemas.openxmlformats.org/officeDocument/2006/relationships/font" Target="fonts/font16.fntdata"/><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font" Target="fonts/font3.fntdata"/><Relationship Id="rId46" Type="http://schemas.openxmlformats.org/officeDocument/2006/relationships/font" Target="fonts/font11.fntdata"/><Relationship Id="rId59" Type="http://schemas.openxmlformats.org/officeDocument/2006/relationships/commentAuthors" Target="commentAuthors.xml"/><Relationship Id="rId20" Type="http://schemas.openxmlformats.org/officeDocument/2006/relationships/slide" Target="slides/slide14.xml"/><Relationship Id="rId41" Type="http://schemas.openxmlformats.org/officeDocument/2006/relationships/font" Target="fonts/font6.fntdata"/><Relationship Id="rId54" Type="http://schemas.openxmlformats.org/officeDocument/2006/relationships/font" Target="fonts/font19.fntdata"/><Relationship Id="rId62"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Master" Target="slideMasters/slideMaster1.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font" Target="fonts/font1.fntdata"/><Relationship Id="rId49" Type="http://schemas.openxmlformats.org/officeDocument/2006/relationships/font" Target="fonts/font14.fntdata"/><Relationship Id="rId57" Type="http://schemas.openxmlformats.org/officeDocument/2006/relationships/font" Target="fonts/font22.fntdata"/><Relationship Id="rId10" Type="http://schemas.openxmlformats.org/officeDocument/2006/relationships/slide" Target="slides/slide4.xml"/><Relationship Id="rId31" Type="http://schemas.openxmlformats.org/officeDocument/2006/relationships/slide" Target="slides/slide25.xml"/><Relationship Id="rId44" Type="http://schemas.openxmlformats.org/officeDocument/2006/relationships/font" Target="fonts/font9.fntdata"/><Relationship Id="rId52" Type="http://schemas.openxmlformats.org/officeDocument/2006/relationships/font" Target="fonts/font17.fntdata"/><Relationship Id="rId60"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slide" Target="slides/slide3.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1" y="13578186"/>
            <a:ext cx="4275403" cy="717253"/>
          </a:xfrm>
          <a:prstGeom prst="rect">
            <a:avLst/>
          </a:prstGeom>
        </p:spPr>
        <p:txBody>
          <a:bodyPr vert="horz" lIns="133073" tIns="66536" rIns="133073" bIns="66536" rtlCol="0" anchor="b"/>
          <a:lstStyle>
            <a:lvl1pPr algn="l">
              <a:defRPr sz="1700"/>
            </a:lvl1pPr>
          </a:lstStyle>
          <a:p>
            <a:endParaRPr lang="en-GB"/>
          </a:p>
        </p:txBody>
      </p:sp>
      <p:sp>
        <p:nvSpPr>
          <p:cNvPr id="7" name="Slide Number Placeholder 6"/>
          <p:cNvSpPr>
            <a:spLocks noGrp="1"/>
          </p:cNvSpPr>
          <p:nvPr>
            <p:ph type="sldNum" sz="quarter" idx="3"/>
          </p:nvPr>
        </p:nvSpPr>
        <p:spPr>
          <a:xfrm>
            <a:off x="5588627" y="13578186"/>
            <a:ext cx="4275403" cy="717253"/>
          </a:xfrm>
          <a:prstGeom prst="rect">
            <a:avLst/>
          </a:prstGeom>
        </p:spPr>
        <p:txBody>
          <a:bodyPr vert="horz" lIns="133073" tIns="66536" rIns="133073" bIns="66536" rtlCol="0" anchor="b"/>
          <a:lstStyle>
            <a:lvl1pPr algn="r">
              <a:defRPr sz="1700"/>
            </a:lvl1pPr>
          </a:lstStyle>
          <a:p>
            <a:fld id="{5D8382C0-1D05-4229-918E-CDD7B7E48B4A}" type="slidenum">
              <a:rPr lang="en-GB"/>
              <a:t>‹#›</a:t>
            </a:fld>
            <a:endParaRPr lang="en-GB"/>
          </a:p>
        </p:txBody>
      </p:sp>
      <p:sp>
        <p:nvSpPr>
          <p:cNvPr id="8" name="Date Placeholder 7"/>
          <p:cNvSpPr>
            <a:spLocks noGrp="1"/>
          </p:cNvSpPr>
          <p:nvPr>
            <p:ph type="dt" sz="quarter" idx="1"/>
          </p:nvPr>
        </p:nvSpPr>
        <p:spPr>
          <a:xfrm>
            <a:off x="5588627" y="1"/>
            <a:ext cx="4275403" cy="717254"/>
          </a:xfrm>
          <a:prstGeom prst="rect">
            <a:avLst/>
          </a:prstGeom>
        </p:spPr>
        <p:txBody>
          <a:bodyPr vert="horz" lIns="133073" tIns="66536" rIns="133073" bIns="66536" rtlCol="0"/>
          <a:lstStyle>
            <a:lvl1pPr algn="r">
              <a:defRPr sz="1700"/>
            </a:lvl1pPr>
          </a:lstStyle>
          <a:p>
            <a:fld id="{13F6AEEE-E778-402E-8B8F-9A98AED26EB8}" type="datetimeFigureOut">
              <a:rPr lang="en-GB"/>
              <a:t>15/06/2022</a:t>
            </a:fld>
            <a:endParaRPr lang="en-GB"/>
          </a:p>
        </p:txBody>
      </p:sp>
      <p:sp>
        <p:nvSpPr>
          <p:cNvPr id="9" name="Header Placeholder 8"/>
          <p:cNvSpPr>
            <a:spLocks noGrp="1"/>
          </p:cNvSpPr>
          <p:nvPr>
            <p:ph type="hdr" sz="quarter"/>
          </p:nvPr>
        </p:nvSpPr>
        <p:spPr>
          <a:xfrm>
            <a:off x="1" y="1"/>
            <a:ext cx="4275403" cy="717254"/>
          </a:xfrm>
          <a:prstGeom prst="rect">
            <a:avLst/>
          </a:prstGeom>
        </p:spPr>
        <p:txBody>
          <a:bodyPr vert="horz" lIns="133073" tIns="66536" rIns="133073" bIns="66536" rtlCol="0"/>
          <a:lstStyle>
            <a:lvl1pPr algn="l">
              <a:defRPr sz="17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986632" y="6879680"/>
            <a:ext cx="7893050" cy="5628829"/>
          </a:xfrm>
          <a:prstGeom prst="rect">
            <a:avLst/>
          </a:prstGeom>
        </p:spPr>
        <p:txBody>
          <a:bodyPr vert="horz" lIns="133073" tIns="66536" rIns="133073" bIns="66536"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5588627" y="1"/>
            <a:ext cx="4275403" cy="717254"/>
          </a:xfrm>
          <a:prstGeom prst="rect">
            <a:avLst/>
          </a:prstGeom>
        </p:spPr>
        <p:txBody>
          <a:bodyPr vert="horz" lIns="133073" tIns="66536" rIns="133073" bIns="66536" rtlCol="0"/>
          <a:lstStyle>
            <a:lvl1pPr algn="r">
              <a:defRPr sz="1700"/>
            </a:lvl1pPr>
          </a:lstStyle>
          <a:p>
            <a:fld id="{1386E511-D742-4EFE-90B5-C9FC42762E0F}" type="datetimeFigureOut">
              <a:rPr lang="en-GB"/>
              <a:t>15/06/2022</a:t>
            </a:fld>
            <a:endParaRPr lang="en-GB"/>
          </a:p>
        </p:txBody>
      </p:sp>
      <p:sp>
        <p:nvSpPr>
          <p:cNvPr id="10" name="Slide Number Placeholder 9"/>
          <p:cNvSpPr>
            <a:spLocks noGrp="1"/>
          </p:cNvSpPr>
          <p:nvPr>
            <p:ph type="sldNum" sz="quarter" idx="5"/>
          </p:nvPr>
        </p:nvSpPr>
        <p:spPr>
          <a:xfrm>
            <a:off x="5588627" y="13578186"/>
            <a:ext cx="4275403" cy="717253"/>
          </a:xfrm>
          <a:prstGeom prst="rect">
            <a:avLst/>
          </a:prstGeom>
        </p:spPr>
        <p:txBody>
          <a:bodyPr vert="horz" lIns="133073" tIns="66536" rIns="133073" bIns="66536" rtlCol="0" anchor="b"/>
          <a:lstStyle>
            <a:lvl1pPr algn="r">
              <a:defRPr sz="1700"/>
            </a:lvl1pPr>
          </a:lstStyle>
          <a:p>
            <a:fld id="{A16CFAD1-D197-4A88-B173-A6412E995EE5}" type="slidenum">
              <a:rPr lang="en-GB"/>
              <a:t>‹#›</a:t>
            </a:fld>
            <a:endParaRPr lang="en-GB"/>
          </a:p>
        </p:txBody>
      </p:sp>
      <p:sp>
        <p:nvSpPr>
          <p:cNvPr id="11" name="Footer Placeholder 10"/>
          <p:cNvSpPr>
            <a:spLocks noGrp="1"/>
          </p:cNvSpPr>
          <p:nvPr>
            <p:ph type="ftr" sz="quarter" idx="4"/>
          </p:nvPr>
        </p:nvSpPr>
        <p:spPr>
          <a:xfrm>
            <a:off x="1" y="13578186"/>
            <a:ext cx="4275403" cy="717253"/>
          </a:xfrm>
          <a:prstGeom prst="rect">
            <a:avLst/>
          </a:prstGeom>
        </p:spPr>
        <p:txBody>
          <a:bodyPr vert="horz" lIns="133073" tIns="66536" rIns="133073" bIns="66536" rtlCol="0" anchor="b"/>
          <a:lstStyle>
            <a:lvl1pPr algn="l">
              <a:defRPr sz="1700"/>
            </a:lvl1pPr>
          </a:lstStyle>
          <a:p>
            <a:endParaRPr lang="en-GB"/>
          </a:p>
        </p:txBody>
      </p:sp>
      <p:sp>
        <p:nvSpPr>
          <p:cNvPr id="12" name="Slide Image Placeholder 11"/>
          <p:cNvSpPr>
            <a:spLocks noGrp="1" noRot="1" noChangeAspect="1"/>
          </p:cNvSpPr>
          <p:nvPr>
            <p:ph type="sldImg" idx="2"/>
          </p:nvPr>
        </p:nvSpPr>
        <p:spPr>
          <a:xfrm>
            <a:off x="646113" y="1787525"/>
            <a:ext cx="8574087" cy="4822825"/>
          </a:xfrm>
          <a:prstGeom prst="rect">
            <a:avLst/>
          </a:prstGeom>
          <a:noFill/>
          <a:ln w="12700">
            <a:solidFill>
              <a:prstClr val="black"/>
            </a:solidFill>
          </a:ln>
        </p:spPr>
        <p:txBody>
          <a:bodyPr vert="horz" lIns="133073" tIns="66536" rIns="133073" bIns="66536" rtlCol="0" anchor="ctr"/>
          <a:lstStyle/>
          <a:p>
            <a:endParaRPr lang="en-GB"/>
          </a:p>
        </p:txBody>
      </p:sp>
      <p:sp>
        <p:nvSpPr>
          <p:cNvPr id="13" name="Header Placeholder 12"/>
          <p:cNvSpPr>
            <a:spLocks noGrp="1"/>
          </p:cNvSpPr>
          <p:nvPr>
            <p:ph type="hdr" sz="quarter"/>
          </p:nvPr>
        </p:nvSpPr>
        <p:spPr>
          <a:xfrm>
            <a:off x="1" y="1"/>
            <a:ext cx="4275403" cy="717254"/>
          </a:xfrm>
          <a:prstGeom prst="rect">
            <a:avLst/>
          </a:prstGeom>
        </p:spPr>
        <p:txBody>
          <a:bodyPr vert="horz" lIns="133073" tIns="66536" rIns="133073" bIns="66536" rtlCol="0"/>
          <a:lstStyle>
            <a:lvl1pPr algn="l">
              <a:defRPr sz="17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nes</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chcem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luvi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ak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émat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ter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á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ůž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skytnou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alš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hled</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to, jak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yuží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lný</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tenciál</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ideotechnologi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řízen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at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ytvoři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lepš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valit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stskéh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život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t>
            </a:r>
          </a:p>
          <a:p>
            <a:pPr>
              <a:lnSpc>
                <a:spcPct val="107000"/>
              </a:lnSpc>
              <a:spcAft>
                <a:spcPts val="800"/>
              </a:spcAft>
            </a:pP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e t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ůležit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ém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ter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vlivňuj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šechn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tejně</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ak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ednotlivc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t>
            </a:r>
          </a:p>
          <a:p>
            <a:pPr>
              <a:lnSpc>
                <a:spcPct val="107000"/>
              </a:lnSpc>
              <a:spcAft>
                <a:spcPts val="800"/>
              </a:spcAft>
            </a:pP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šichn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chcem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ží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v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ezpečnější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rostřed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stech</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s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lép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fungujíc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infrastrukturo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čistším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eleným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locham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en-US" b="0" i="0" dirty="0">
              <a:solidFill>
                <a:srgbClr val="303436"/>
              </a:solidFill>
              <a:effectLst/>
              <a:latin typeface="Open Sans" panose="020B0606030504020204" pitchFamily="34"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t>1</a:t>
            </a:fld>
            <a:endParaRPr lang="en-GB"/>
          </a:p>
        </p:txBody>
      </p:sp>
    </p:spTree>
    <p:extLst>
      <p:ext uri="{BB962C8B-B14F-4D97-AF65-F5344CB8AC3E}">
        <p14:creationId xmlns:p14="http://schemas.microsoft.com/office/powerpoint/2010/main" val="384402131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ak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iž</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yl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míněn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Mileston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yl</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žd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astánce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dpovědnéh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užívá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echnologi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z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ohot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ůvod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aš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ákazníc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ůžet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ý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ist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že</a:t>
            </a:r>
            <a:endPar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endParaRPr>
          </a:p>
          <a:p>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ilestone XProtect® Corporat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ískal</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certifikac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GDPR-ready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plňuj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ejvyšš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standard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ybernetick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ezpečnost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v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še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bor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a:t>10</a:t>
            </a:fld>
            <a:endParaRPr lang="en-GB"/>
          </a:p>
        </p:txBody>
      </p:sp>
    </p:spTree>
    <p:extLst>
      <p:ext uri="{BB962C8B-B14F-4D97-AF65-F5344CB8AC3E}">
        <p14:creationId xmlns:p14="http://schemas.microsoft.com/office/powerpoint/2010/main" val="1795291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Inteligent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řídíc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ístnosti</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sou</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otore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bezpečných</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ěs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t>
            </a:r>
          </a:p>
          <a:p>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en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i</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ředstavt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jak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efektivně</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ůž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ěsto</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fungova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z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ednoho</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centrálního</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onitorovacího</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centr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ociál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zabezpeče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celého</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ěsta</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lz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efektivně</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pravova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z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ediného</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rozhra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pro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právu</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všechna</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hromážděná</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video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řeše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lz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hromáždi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nalyzova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edno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ístě</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en-US" sz="1800" b="0" i="0" u="none" strike="noStrike" baseline="0" dirty="0">
              <a:solidFill>
                <a:srgbClr val="1A1A1A"/>
              </a:solidFill>
              <a:latin typeface="OpenSans"/>
            </a:endParaRPr>
          </a:p>
          <a:p>
            <a:pPr algn="l"/>
            <a:endParaRPr lang="da-DK" sz="1200" b="0" i="0" u="none" strike="noStrike" baseline="0" dirty="0">
              <a:solidFill>
                <a:srgbClr val="FFFFFF"/>
              </a:solidFill>
              <a:latin typeface="OpenSans"/>
            </a:endParaRPr>
          </a:p>
        </p:txBody>
      </p:sp>
      <p:sp>
        <p:nvSpPr>
          <p:cNvPr id="4" name="Slide Number Placeholder 3"/>
          <p:cNvSpPr>
            <a:spLocks noGrp="1"/>
          </p:cNvSpPr>
          <p:nvPr>
            <p:ph type="sldNum" sz="quarter" idx="5"/>
          </p:nvPr>
        </p:nvSpPr>
        <p:spPr/>
        <p:txBody>
          <a:bodyPr/>
          <a:lstStyle/>
          <a:p>
            <a:fld id="{A16CFAD1-D197-4A88-B173-A6412E995EE5}" type="slidenum">
              <a:rPr lang="en-GB" smtClean="0"/>
              <a:t>11</a:t>
            </a:fld>
            <a:endParaRPr lang="en-GB"/>
          </a:p>
        </p:txBody>
      </p:sp>
    </p:spTree>
    <p:extLst>
      <p:ext uri="{BB962C8B-B14F-4D97-AF65-F5344CB8AC3E}">
        <p14:creationId xmlns:p14="http://schemas.microsoft.com/office/powerpoint/2010/main" val="383826412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mart city je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ředevší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bezpečné</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ěsto</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Všichni</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chcem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ží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chcem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vychováva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vé</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děti</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bezpečnější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zajištěné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ístě</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Takž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s video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technologi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ohou</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bezpečnost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operátoři</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y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í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daleko</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ad</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ednoduchý</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kamerový</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dohled</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ohou</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nalyzova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informac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ředvída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ředcháze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incidentů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eště</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dřív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ež</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k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i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dojd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da-DK" b="0" dirty="0"/>
          </a:p>
        </p:txBody>
      </p:sp>
      <p:sp>
        <p:nvSpPr>
          <p:cNvPr id="4" name="Slide Number Placeholder 3"/>
          <p:cNvSpPr>
            <a:spLocks noGrp="1"/>
          </p:cNvSpPr>
          <p:nvPr>
            <p:ph type="sldNum" sz="quarter" idx="5"/>
          </p:nvPr>
        </p:nvSpPr>
        <p:spPr/>
        <p:txBody>
          <a:bodyPr/>
          <a:lstStyle/>
          <a:p>
            <a:fld id="{A16CFAD1-D197-4A88-B173-A6412E995EE5}" type="slidenum">
              <a:rPr lang="en-GB" smtClean="0"/>
              <a:t>12</a:t>
            </a:fld>
            <a:endParaRPr lang="en-GB"/>
          </a:p>
        </p:txBody>
      </p:sp>
    </p:spTree>
    <p:extLst>
      <p:ext uri="{BB962C8B-B14F-4D97-AF65-F5344CB8AC3E}">
        <p14:creationId xmlns:p14="http://schemas.microsoft.com/office/powerpoint/2010/main" val="142291366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r>
              <a:rPr lang="da-DK" dirty="0" err="1"/>
              <a:t>Zde</a:t>
            </a:r>
            <a:r>
              <a:rPr lang="da-DK" dirty="0"/>
              <a:t> </a:t>
            </a:r>
            <a:r>
              <a:rPr lang="da-DK" dirty="0" err="1"/>
              <a:t>jsou</a:t>
            </a:r>
            <a:r>
              <a:rPr lang="da-DK" dirty="0"/>
              <a:t> </a:t>
            </a:r>
            <a:r>
              <a:rPr lang="da-DK" dirty="0" err="1"/>
              <a:t>hlavní</a:t>
            </a:r>
            <a:r>
              <a:rPr lang="da-DK" dirty="0"/>
              <a:t> </a:t>
            </a:r>
            <a:r>
              <a:rPr lang="da-DK" dirty="0" err="1"/>
              <a:t>úkoly</a:t>
            </a:r>
            <a:r>
              <a:rPr lang="da-DK" dirty="0"/>
              <a:t> </a:t>
            </a:r>
            <a:r>
              <a:rPr lang="da-DK" dirty="0" err="1"/>
              <a:t>související</a:t>
            </a:r>
            <a:r>
              <a:rPr lang="da-DK" dirty="0"/>
              <a:t> se </a:t>
            </a:r>
            <a:r>
              <a:rPr lang="da-DK" dirty="0" err="1"/>
              <a:t>zlepšováním</a:t>
            </a:r>
            <a:r>
              <a:rPr lang="da-DK" dirty="0"/>
              <a:t> </a:t>
            </a:r>
            <a:r>
              <a:rPr lang="da-DK" dirty="0" err="1"/>
              <a:t>života</a:t>
            </a:r>
            <a:r>
              <a:rPr lang="da-DK" dirty="0"/>
              <a:t> </a:t>
            </a:r>
            <a:r>
              <a:rPr lang="da-DK" dirty="0" err="1"/>
              <a:t>každého</a:t>
            </a:r>
            <a:r>
              <a:rPr lang="da-DK" dirty="0"/>
              <a:t> z </a:t>
            </a:r>
            <a:r>
              <a:rPr lang="da-DK" dirty="0" err="1"/>
              <a:t>nás</a:t>
            </a:r>
            <a:r>
              <a:rPr lang="da-DK" dirty="0"/>
              <a:t> as </a:t>
            </a:r>
            <a:r>
              <a:rPr lang="da-DK" dirty="0" err="1"/>
              <a:t>využitím</a:t>
            </a:r>
            <a:r>
              <a:rPr lang="da-DK" dirty="0"/>
              <a:t> </a:t>
            </a:r>
            <a:r>
              <a:rPr lang="da-DK" dirty="0" err="1"/>
              <a:t>videotechnologie</a:t>
            </a:r>
            <a:r>
              <a:rPr lang="da-DK" dirty="0"/>
              <a:t> a </a:t>
            </a:r>
            <a:r>
              <a:rPr lang="da-DK" dirty="0" err="1"/>
              <a:t>analýzy</a:t>
            </a:r>
            <a:r>
              <a:rPr lang="da-DK" dirty="0"/>
              <a:t>. </a:t>
            </a:r>
            <a:r>
              <a:rPr lang="da-DK" dirty="0" err="1"/>
              <a:t>Zde</a:t>
            </a:r>
            <a:r>
              <a:rPr lang="da-DK" dirty="0"/>
              <a:t> </a:t>
            </a:r>
            <a:r>
              <a:rPr lang="da-DK" dirty="0" err="1"/>
              <a:t>vám</a:t>
            </a:r>
            <a:r>
              <a:rPr lang="da-DK" dirty="0"/>
              <a:t> </a:t>
            </a:r>
            <a:r>
              <a:rPr lang="da-DK" dirty="0" err="1"/>
              <a:t>mohu</a:t>
            </a:r>
            <a:r>
              <a:rPr lang="da-DK" dirty="0"/>
              <a:t> </a:t>
            </a:r>
            <a:r>
              <a:rPr lang="da-DK" dirty="0" err="1"/>
              <a:t>uvést</a:t>
            </a:r>
            <a:r>
              <a:rPr lang="da-DK" dirty="0"/>
              <a:t> </a:t>
            </a:r>
            <a:r>
              <a:rPr lang="da-DK" dirty="0" err="1"/>
              <a:t>příklad</a:t>
            </a:r>
            <a:r>
              <a:rPr lang="da-DK" dirty="0"/>
              <a:t> </a:t>
            </a:r>
            <a:r>
              <a:rPr lang="da-DK" dirty="0" err="1"/>
              <a:t>města</a:t>
            </a:r>
            <a:r>
              <a:rPr lang="da-DK" dirty="0"/>
              <a:t>, </a:t>
            </a:r>
            <a:r>
              <a:rPr lang="da-DK" dirty="0" err="1"/>
              <a:t>ze</a:t>
            </a:r>
            <a:r>
              <a:rPr lang="da-DK" dirty="0"/>
              <a:t> </a:t>
            </a:r>
            <a:r>
              <a:rPr lang="da-DK" dirty="0" err="1"/>
              <a:t>kterého</a:t>
            </a:r>
            <a:r>
              <a:rPr lang="da-DK" dirty="0"/>
              <a:t> </a:t>
            </a:r>
            <a:r>
              <a:rPr lang="da-DK" dirty="0" err="1"/>
              <a:t>pocházím</a:t>
            </a:r>
            <a:r>
              <a:rPr lang="da-DK" dirty="0"/>
              <a:t> – Sofie. </a:t>
            </a:r>
            <a:r>
              <a:rPr lang="da-DK" dirty="0" err="1"/>
              <a:t>Možná</a:t>
            </a:r>
            <a:r>
              <a:rPr lang="da-DK" dirty="0"/>
              <a:t> </a:t>
            </a:r>
            <a:r>
              <a:rPr lang="da-DK" dirty="0" err="1"/>
              <a:t>všichni</a:t>
            </a:r>
            <a:r>
              <a:rPr lang="da-DK" dirty="0"/>
              <a:t> </a:t>
            </a:r>
            <a:r>
              <a:rPr lang="da-DK" dirty="0" err="1"/>
              <a:t>víte</a:t>
            </a:r>
            <a:r>
              <a:rPr lang="da-DK" dirty="0"/>
              <a:t>, </a:t>
            </a:r>
            <a:r>
              <a:rPr lang="da-DK" dirty="0" err="1"/>
              <a:t>že</a:t>
            </a:r>
            <a:r>
              <a:rPr lang="da-DK" dirty="0"/>
              <a:t> Smart City Sofia </a:t>
            </a:r>
            <a:r>
              <a:rPr lang="da-DK" dirty="0" err="1"/>
              <a:t>bylo</a:t>
            </a:r>
            <a:r>
              <a:rPr lang="da-DK" dirty="0"/>
              <a:t> </a:t>
            </a:r>
            <a:r>
              <a:rPr lang="da-DK" dirty="0" err="1"/>
              <a:t>postaveno</a:t>
            </a:r>
            <a:r>
              <a:rPr lang="da-DK" dirty="0"/>
              <a:t> </a:t>
            </a:r>
            <a:r>
              <a:rPr lang="da-DK" dirty="0" err="1"/>
              <a:t>na</a:t>
            </a:r>
            <a:r>
              <a:rPr lang="da-DK" dirty="0"/>
              <a:t> Milestone. A </a:t>
            </a:r>
            <a:r>
              <a:rPr lang="da-DK" dirty="0" err="1"/>
              <a:t>mohu</a:t>
            </a:r>
            <a:r>
              <a:rPr lang="da-DK" dirty="0"/>
              <a:t> se </a:t>
            </a:r>
            <a:r>
              <a:rPr lang="da-DK" dirty="0" err="1"/>
              <a:t>podělit</a:t>
            </a:r>
            <a:r>
              <a:rPr lang="da-DK" dirty="0"/>
              <a:t> o </a:t>
            </a:r>
            <a:r>
              <a:rPr lang="da-DK" dirty="0" err="1"/>
              <a:t>jeden</a:t>
            </a:r>
            <a:r>
              <a:rPr lang="da-DK" dirty="0"/>
              <a:t> </a:t>
            </a:r>
            <a:r>
              <a:rPr lang="da-DK" dirty="0" err="1"/>
              <a:t>nápad</a:t>
            </a:r>
            <a:r>
              <a:rPr lang="da-DK" dirty="0"/>
              <a:t> </a:t>
            </a:r>
            <a:r>
              <a:rPr lang="da-DK" dirty="0" err="1"/>
              <a:t>magistrátu</a:t>
            </a:r>
            <a:r>
              <a:rPr lang="da-DK" dirty="0"/>
              <a:t> v </a:t>
            </a:r>
            <a:r>
              <a:rPr lang="da-DK" dirty="0" err="1"/>
              <a:t>Sofii</a:t>
            </a:r>
            <a:r>
              <a:rPr lang="da-DK" dirty="0"/>
              <a:t>, </a:t>
            </a:r>
            <a:r>
              <a:rPr lang="da-DK" dirty="0" err="1"/>
              <a:t>který</a:t>
            </a:r>
            <a:r>
              <a:rPr lang="da-DK" dirty="0"/>
              <a:t> </a:t>
            </a:r>
            <a:r>
              <a:rPr lang="da-DK" dirty="0" err="1"/>
              <a:t>právě</a:t>
            </a:r>
            <a:r>
              <a:rPr lang="da-DK" dirty="0"/>
              <a:t> </a:t>
            </a:r>
            <a:r>
              <a:rPr lang="da-DK" dirty="0" err="1"/>
              <a:t>realizují</a:t>
            </a:r>
            <a:r>
              <a:rPr lang="da-DK" dirty="0"/>
              <a:t>. </a:t>
            </a:r>
            <a:r>
              <a:rPr lang="da-DK" dirty="0" err="1"/>
              <a:t>Jedna</a:t>
            </a:r>
            <a:r>
              <a:rPr lang="da-DK" dirty="0"/>
              <a:t> </a:t>
            </a:r>
            <a:r>
              <a:rPr lang="da-DK" dirty="0" err="1"/>
              <a:t>čtvrť</a:t>
            </a:r>
            <a:r>
              <a:rPr lang="da-DK" dirty="0"/>
              <a:t> v </a:t>
            </a:r>
            <a:r>
              <a:rPr lang="da-DK" dirty="0" err="1"/>
              <a:t>Sofii</a:t>
            </a:r>
            <a:r>
              <a:rPr lang="da-DK" dirty="0"/>
              <a:t> </a:t>
            </a:r>
            <a:r>
              <a:rPr lang="da-DK" dirty="0" err="1"/>
              <a:t>není</a:t>
            </a:r>
            <a:r>
              <a:rPr lang="da-DK" dirty="0"/>
              <a:t> </a:t>
            </a:r>
            <a:r>
              <a:rPr lang="da-DK" dirty="0" err="1"/>
              <a:t>napojena</a:t>
            </a:r>
            <a:r>
              <a:rPr lang="da-DK" dirty="0"/>
              <a:t> </a:t>
            </a:r>
            <a:r>
              <a:rPr lang="da-DK" dirty="0" err="1"/>
              <a:t>na</a:t>
            </a:r>
            <a:r>
              <a:rPr lang="da-DK" dirty="0"/>
              <a:t> </a:t>
            </a:r>
            <a:r>
              <a:rPr lang="da-DK" dirty="0" err="1"/>
              <a:t>systém</a:t>
            </a:r>
            <a:r>
              <a:rPr lang="da-DK" dirty="0"/>
              <a:t> </a:t>
            </a:r>
            <a:r>
              <a:rPr lang="da-DK" dirty="0" err="1"/>
              <a:t>ústředního</a:t>
            </a:r>
            <a:r>
              <a:rPr lang="da-DK" dirty="0"/>
              <a:t> </a:t>
            </a:r>
            <a:r>
              <a:rPr lang="da-DK" dirty="0" err="1"/>
              <a:t>vytápění</a:t>
            </a:r>
            <a:r>
              <a:rPr lang="da-DK" dirty="0"/>
              <a:t>, </a:t>
            </a:r>
            <a:r>
              <a:rPr lang="da-DK" dirty="0" err="1"/>
              <a:t>takže</a:t>
            </a:r>
            <a:r>
              <a:rPr lang="da-DK" dirty="0"/>
              <a:t> </a:t>
            </a:r>
            <a:r>
              <a:rPr lang="da-DK" dirty="0" err="1"/>
              <a:t>lidé</a:t>
            </a:r>
            <a:r>
              <a:rPr lang="da-DK" dirty="0"/>
              <a:t>, </a:t>
            </a:r>
            <a:r>
              <a:rPr lang="da-DK" dirty="0" err="1"/>
              <a:t>kteří</a:t>
            </a:r>
            <a:r>
              <a:rPr lang="da-DK" dirty="0"/>
              <a:t> </a:t>
            </a:r>
            <a:r>
              <a:rPr lang="da-DK" dirty="0" err="1"/>
              <a:t>žijí</a:t>
            </a:r>
            <a:r>
              <a:rPr lang="da-DK" dirty="0"/>
              <a:t> </a:t>
            </a:r>
            <a:r>
              <a:rPr lang="da-DK" dirty="0" err="1"/>
              <a:t>svým</a:t>
            </a:r>
            <a:r>
              <a:rPr lang="da-DK" dirty="0"/>
              <a:t>, </a:t>
            </a:r>
            <a:r>
              <a:rPr lang="da-DK" dirty="0" err="1"/>
              <a:t>stále</a:t>
            </a:r>
            <a:r>
              <a:rPr lang="da-DK" dirty="0"/>
              <a:t> </a:t>
            </a:r>
            <a:r>
              <a:rPr lang="da-DK" dirty="0" err="1"/>
              <a:t>využívají</a:t>
            </a:r>
            <a:r>
              <a:rPr lang="da-DK" dirty="0"/>
              <a:t> k </a:t>
            </a:r>
            <a:r>
              <a:rPr lang="da-DK" dirty="0" err="1"/>
              <a:t>vytápění</a:t>
            </a:r>
            <a:r>
              <a:rPr lang="da-DK" dirty="0"/>
              <a:t> </a:t>
            </a:r>
            <a:r>
              <a:rPr lang="da-DK" dirty="0" err="1"/>
              <a:t>uhlí</a:t>
            </a:r>
            <a:r>
              <a:rPr lang="da-DK" dirty="0"/>
              <a:t> a </a:t>
            </a:r>
            <a:r>
              <a:rPr lang="da-DK" dirty="0" err="1"/>
              <a:t>dřevo</a:t>
            </a:r>
            <a:r>
              <a:rPr lang="da-DK" dirty="0"/>
              <a:t> v </a:t>
            </a:r>
            <a:r>
              <a:rPr lang="da-DK" dirty="0" err="1"/>
              <a:t>chladných</a:t>
            </a:r>
            <a:r>
              <a:rPr lang="da-DK" dirty="0"/>
              <a:t> </a:t>
            </a:r>
            <a:r>
              <a:rPr lang="da-DK" dirty="0" err="1"/>
              <a:t>měsících</a:t>
            </a:r>
            <a:r>
              <a:rPr lang="da-DK" dirty="0"/>
              <a:t> </a:t>
            </a:r>
            <a:r>
              <a:rPr lang="da-DK" dirty="0" err="1"/>
              <a:t>roku</a:t>
            </a:r>
            <a:r>
              <a:rPr lang="da-DK" dirty="0"/>
              <a:t>. A to </a:t>
            </a:r>
            <a:r>
              <a:rPr lang="da-DK" dirty="0" err="1"/>
              <a:t>vystavuje</a:t>
            </a:r>
            <a:r>
              <a:rPr lang="da-DK" dirty="0"/>
              <a:t> </a:t>
            </a:r>
            <a:r>
              <a:rPr lang="da-DK" dirty="0" err="1"/>
              <a:t>celé</a:t>
            </a:r>
            <a:r>
              <a:rPr lang="da-DK" dirty="0"/>
              <a:t> </a:t>
            </a:r>
            <a:r>
              <a:rPr lang="da-DK" dirty="0" err="1"/>
              <a:t>okolí</a:t>
            </a:r>
            <a:r>
              <a:rPr lang="da-DK" dirty="0"/>
              <a:t> </a:t>
            </a:r>
            <a:r>
              <a:rPr lang="da-DK" dirty="0" err="1"/>
              <a:t>zvýšenému</a:t>
            </a:r>
            <a:r>
              <a:rPr lang="da-DK" dirty="0"/>
              <a:t> </a:t>
            </a:r>
            <a:r>
              <a:rPr lang="da-DK" dirty="0" err="1"/>
              <a:t>riziku</a:t>
            </a:r>
            <a:r>
              <a:rPr lang="da-DK" dirty="0"/>
              <a:t> </a:t>
            </a:r>
            <a:r>
              <a:rPr lang="da-DK" dirty="0" err="1"/>
              <a:t>spontánního</a:t>
            </a:r>
            <a:r>
              <a:rPr lang="da-DK" dirty="0"/>
              <a:t> </a:t>
            </a:r>
            <a:r>
              <a:rPr lang="da-DK" dirty="0" err="1"/>
              <a:t>požáru</a:t>
            </a:r>
            <a:r>
              <a:rPr lang="da-DK" dirty="0"/>
              <a:t>. </a:t>
            </a:r>
            <a:r>
              <a:rPr lang="da-DK" dirty="0" err="1"/>
              <a:t>Sofijský</a:t>
            </a:r>
            <a:r>
              <a:rPr lang="da-DK" dirty="0"/>
              <a:t> </a:t>
            </a:r>
            <a:r>
              <a:rPr lang="da-DK" dirty="0" err="1"/>
              <a:t>magistrát</a:t>
            </a:r>
            <a:r>
              <a:rPr lang="da-DK" dirty="0"/>
              <a:t> se </a:t>
            </a:r>
            <a:r>
              <a:rPr lang="da-DK" dirty="0" err="1"/>
              <a:t>tedy</a:t>
            </a:r>
            <a:r>
              <a:rPr lang="da-DK" dirty="0"/>
              <a:t> </a:t>
            </a:r>
            <a:r>
              <a:rPr lang="da-DK" dirty="0" err="1"/>
              <a:t>rozhodl</a:t>
            </a:r>
            <a:r>
              <a:rPr lang="da-DK" dirty="0"/>
              <a:t> </a:t>
            </a:r>
            <a:r>
              <a:rPr lang="da-DK" dirty="0" err="1"/>
              <a:t>postavit</a:t>
            </a:r>
            <a:r>
              <a:rPr lang="da-DK" dirty="0"/>
              <a:t> v </a:t>
            </a:r>
            <a:r>
              <a:rPr lang="da-DK" dirty="0" err="1"/>
              <a:t>této</a:t>
            </a:r>
            <a:r>
              <a:rPr lang="da-DK" dirty="0"/>
              <a:t> </a:t>
            </a:r>
            <a:r>
              <a:rPr lang="da-DK" dirty="0" err="1"/>
              <a:t>čtvrti</a:t>
            </a:r>
            <a:r>
              <a:rPr lang="da-DK" dirty="0"/>
              <a:t> </a:t>
            </a:r>
            <a:r>
              <a:rPr lang="da-DK" dirty="0" err="1"/>
              <a:t>věž</a:t>
            </a:r>
            <a:r>
              <a:rPr lang="da-DK" dirty="0"/>
              <a:t> </a:t>
            </a:r>
            <a:r>
              <a:rPr lang="da-DK" dirty="0" err="1"/>
              <a:t>vybavenou</a:t>
            </a:r>
            <a:r>
              <a:rPr lang="da-DK" dirty="0"/>
              <a:t> </a:t>
            </a:r>
            <a:r>
              <a:rPr lang="da-DK" dirty="0" err="1"/>
              <a:t>kamerami</a:t>
            </a:r>
            <a:r>
              <a:rPr lang="da-DK" dirty="0"/>
              <a:t>. A video </a:t>
            </a:r>
            <a:r>
              <a:rPr lang="da-DK" dirty="0" err="1"/>
              <a:t>využijí</a:t>
            </a:r>
            <a:r>
              <a:rPr lang="da-DK" dirty="0"/>
              <a:t> pro </a:t>
            </a:r>
            <a:r>
              <a:rPr lang="da-DK" dirty="0" err="1"/>
              <a:t>včasnou</a:t>
            </a:r>
            <a:r>
              <a:rPr lang="da-DK" dirty="0"/>
              <a:t> </a:t>
            </a:r>
            <a:r>
              <a:rPr lang="da-DK" dirty="0" err="1"/>
              <a:t>detekci</a:t>
            </a:r>
            <a:r>
              <a:rPr lang="da-DK" dirty="0"/>
              <a:t> </a:t>
            </a:r>
            <a:r>
              <a:rPr lang="da-DK" dirty="0" err="1"/>
              <a:t>takových</a:t>
            </a:r>
            <a:r>
              <a:rPr lang="da-DK" dirty="0"/>
              <a:t> </a:t>
            </a:r>
            <a:r>
              <a:rPr lang="da-DK" dirty="0" err="1"/>
              <a:t>incidentů</a:t>
            </a:r>
            <a:r>
              <a:rPr lang="da-DK" dirty="0"/>
              <a:t>, </a:t>
            </a:r>
            <a:r>
              <a:rPr lang="da-DK" dirty="0" err="1"/>
              <a:t>což</a:t>
            </a:r>
            <a:r>
              <a:rPr lang="da-DK" dirty="0"/>
              <a:t> </a:t>
            </a:r>
            <a:r>
              <a:rPr lang="da-DK" dirty="0" err="1"/>
              <a:t>jim</a:t>
            </a:r>
            <a:r>
              <a:rPr lang="da-DK" dirty="0"/>
              <a:t> </a:t>
            </a:r>
            <a:r>
              <a:rPr lang="da-DK" dirty="0" err="1"/>
              <a:t>pomůže</a:t>
            </a:r>
            <a:r>
              <a:rPr lang="da-DK" dirty="0"/>
              <a:t> v </a:t>
            </a:r>
            <a:r>
              <a:rPr lang="da-DK" dirty="0" err="1"/>
              <a:t>takových</a:t>
            </a:r>
            <a:r>
              <a:rPr lang="da-DK" dirty="0"/>
              <a:t> </a:t>
            </a:r>
            <a:r>
              <a:rPr lang="da-DK" dirty="0" err="1"/>
              <a:t>případech</a:t>
            </a:r>
            <a:r>
              <a:rPr lang="da-DK" dirty="0"/>
              <a:t> </a:t>
            </a:r>
            <a:r>
              <a:rPr lang="da-DK" dirty="0" err="1"/>
              <a:t>rychleji</a:t>
            </a:r>
            <a:r>
              <a:rPr lang="da-DK" dirty="0"/>
              <a:t> </a:t>
            </a:r>
            <a:r>
              <a:rPr lang="da-DK" dirty="0" err="1"/>
              <a:t>reagovat</a:t>
            </a:r>
            <a:r>
              <a:rPr lang="da-DK" dirty="0"/>
              <a:t>.</a:t>
            </a:r>
          </a:p>
        </p:txBody>
      </p:sp>
      <p:sp>
        <p:nvSpPr>
          <p:cNvPr id="4" name="Slide Number Placeholder 3"/>
          <p:cNvSpPr>
            <a:spLocks noGrp="1"/>
          </p:cNvSpPr>
          <p:nvPr>
            <p:ph type="sldNum" sz="quarter" idx="5"/>
          </p:nvPr>
        </p:nvSpPr>
        <p:spPr/>
        <p:txBody>
          <a:bodyPr/>
          <a:lstStyle/>
          <a:p>
            <a:fld id="{A16CFAD1-D197-4A88-B173-A6412E995EE5}" type="slidenum">
              <a:rPr lang="en-GB" smtClean="0"/>
              <a:t>13</a:t>
            </a:fld>
            <a:endParaRPr lang="en-GB"/>
          </a:p>
        </p:txBody>
      </p:sp>
    </p:spTree>
    <p:extLst>
      <p:ext uri="{BB962C8B-B14F-4D97-AF65-F5344CB8AC3E}">
        <p14:creationId xmlns:p14="http://schemas.microsoft.com/office/powerpoint/2010/main" val="152356793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ěstská</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obilita</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je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další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spekte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konceptu</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Smart City.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rotož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doprav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zácpy</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toj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víc</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ež</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en</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čas</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Zd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řicház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v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úvahu</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urbanistické</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lánová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ohodlná</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bezpečná</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ěstská</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infrastruktura</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záchrana</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životů</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zmírně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kongesc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da-DK" b="0" dirty="0"/>
          </a:p>
        </p:txBody>
      </p:sp>
      <p:sp>
        <p:nvSpPr>
          <p:cNvPr id="4" name="Slide Number Placeholder 3"/>
          <p:cNvSpPr>
            <a:spLocks noGrp="1"/>
          </p:cNvSpPr>
          <p:nvPr>
            <p:ph type="sldNum" sz="quarter" idx="5"/>
          </p:nvPr>
        </p:nvSpPr>
        <p:spPr/>
        <p:txBody>
          <a:bodyPr/>
          <a:lstStyle/>
          <a:p>
            <a:fld id="{A16CFAD1-D197-4A88-B173-A6412E995EE5}" type="slidenum">
              <a:rPr lang="en-GB" smtClean="0"/>
              <a:t>14</a:t>
            </a:fld>
            <a:endParaRPr lang="en-GB"/>
          </a:p>
        </p:txBody>
      </p:sp>
    </p:spTree>
    <p:extLst>
      <p:ext uri="{BB962C8B-B14F-4D97-AF65-F5344CB8AC3E}">
        <p14:creationId xmlns:p14="http://schemas.microsoft.com/office/powerpoint/2010/main" val="156309780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Všechny</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tyto</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výzvy</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ouvisejíc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s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obilitou</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lz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vyřeši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omoc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video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technologi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onitorová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rovozu</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ilnic</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chytré</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arková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nalýza</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dopravy</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lánová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optimalizac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trasy</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td</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5</a:t>
            </a:fld>
            <a:endParaRPr lang="en-GB"/>
          </a:p>
        </p:txBody>
      </p:sp>
    </p:spTree>
    <p:extLst>
      <p:ext uri="{BB962C8B-B14F-4D97-AF65-F5344CB8AC3E}">
        <p14:creationId xmlns:p14="http://schemas.microsoft.com/office/powerpoint/2010/main" val="203352537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Udržitelnos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ěs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je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také</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ezbytnou</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oučást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Smart Cities.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rotož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chytrá</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ěsta</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ejen</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zlepšuj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áš</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každoden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živo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le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také</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omáhaj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ěstský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amosprává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utráce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vé</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zdroj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nohe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oudřeji</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efektivněji</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onitorová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životního</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rostřed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je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tedy</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utnost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pro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města</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která</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chtěj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optimalizova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zdroj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ředejít</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řekvapení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da-DK" b="0" dirty="0"/>
          </a:p>
        </p:txBody>
      </p:sp>
      <p:sp>
        <p:nvSpPr>
          <p:cNvPr id="4" name="Slide Number Placeholder 3"/>
          <p:cNvSpPr>
            <a:spLocks noGrp="1"/>
          </p:cNvSpPr>
          <p:nvPr>
            <p:ph type="sldNum" sz="quarter" idx="5"/>
          </p:nvPr>
        </p:nvSpPr>
        <p:spPr/>
        <p:txBody>
          <a:bodyPr/>
          <a:lstStyle/>
          <a:p>
            <a:fld id="{A16CFAD1-D197-4A88-B173-A6412E995EE5}" type="slidenum">
              <a:rPr lang="en-GB" smtClean="0"/>
              <a:t>16</a:t>
            </a:fld>
            <a:endParaRPr lang="en-GB"/>
          </a:p>
        </p:txBody>
      </p:sp>
    </p:spTree>
    <p:extLst>
      <p:ext uri="{BB962C8B-B14F-4D97-AF65-F5344CB8AC3E}">
        <p14:creationId xmlns:p14="http://schemas.microsoft.com/office/powerpoint/2010/main" val="25617342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apříklad</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chytré</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odpadkové</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koše</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se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díky</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enzorům</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Io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vyprazdňuj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ž</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když</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sou</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lné</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Nebo v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ěkterých</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iných</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řípadech</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sou</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ledovány</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vodovodní</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sítě</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by se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zjistily</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úniky</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nebo</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jiné</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problémy</a:t>
            </a:r>
            <a:r>
              <a:rPr lang="en-US" sz="1800" kern="1200" dirty="0">
                <a:solidFill>
                  <a:srgbClr val="000000"/>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7</a:t>
            </a:fld>
            <a:endParaRPr lang="en-GB"/>
          </a:p>
        </p:txBody>
      </p:sp>
    </p:spTree>
    <p:extLst>
      <p:ext uri="{BB962C8B-B14F-4D97-AF65-F5344CB8AC3E}">
        <p14:creationId xmlns:p14="http://schemas.microsoft.com/office/powerpoint/2010/main" val="387916106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 let’s see together how many official Smart City project we have worldwide. …</a:t>
            </a:r>
          </a:p>
        </p:txBody>
      </p:sp>
      <p:sp>
        <p:nvSpPr>
          <p:cNvPr id="4" name="Slide Number Placeholder 3"/>
          <p:cNvSpPr>
            <a:spLocks noGrp="1"/>
          </p:cNvSpPr>
          <p:nvPr>
            <p:ph type="sldNum" sz="quarter" idx="5"/>
          </p:nvPr>
        </p:nvSpPr>
        <p:spPr/>
        <p:txBody>
          <a:bodyPr/>
          <a:lstStyle/>
          <a:p>
            <a:fld id="{A16CFAD1-D197-4A88-B173-A6412E995EE5}" type="slidenum">
              <a:rPr lang="en-GB" smtClean="0"/>
              <a:t>18</a:t>
            </a:fld>
            <a:endParaRPr lang="en-GB"/>
          </a:p>
        </p:txBody>
      </p:sp>
    </p:spTree>
    <p:extLst>
      <p:ext uri="{BB962C8B-B14F-4D97-AF65-F5344CB8AC3E}">
        <p14:creationId xmlns:p14="http://schemas.microsoft.com/office/powerpoint/2010/main" val="40934946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170+ but I want to emphasize that these are only the official number, which means that the end user has given their consent to be present officially on our reference list… in fact they are much more.</a:t>
            </a:r>
          </a:p>
        </p:txBody>
      </p:sp>
      <p:sp>
        <p:nvSpPr>
          <p:cNvPr id="4" name="Slide Number Placeholder 3"/>
          <p:cNvSpPr>
            <a:spLocks noGrp="1"/>
          </p:cNvSpPr>
          <p:nvPr>
            <p:ph type="sldNum" sz="quarter" idx="5"/>
          </p:nvPr>
        </p:nvSpPr>
        <p:spPr/>
        <p:txBody>
          <a:bodyPr/>
          <a:lstStyle/>
          <a:p>
            <a:fld id="{A16CFAD1-D197-4A88-B173-A6412E995EE5}" type="slidenum">
              <a:rPr lang="en-GB" smtClean="0"/>
              <a:t>19</a:t>
            </a:fld>
            <a:endParaRPr lang="en-GB"/>
          </a:p>
        </p:txBody>
      </p:sp>
    </p:spTree>
    <p:extLst>
      <p:ext uri="{BB962C8B-B14F-4D97-AF65-F5344CB8AC3E}">
        <p14:creationId xmlns:p14="http://schemas.microsoft.com/office/powerpoint/2010/main" val="88838118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nes</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žij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55 %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větov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populace v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stských</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blastech</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To se d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rok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2050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výš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dhade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70 %.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ent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exploziv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růs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populac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ud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dál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ýzvo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pr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živo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stě</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 s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esmírný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lake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infrastruktur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výšený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rizike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riminalit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ětší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nečištění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t>
            </a:r>
          </a:p>
          <a:p>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l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ředstavt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c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šechn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j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ožn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s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echnologi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chytréh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ide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kud</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lád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vůrc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litik</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urbanist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ezpečnost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perátoř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polupracuj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lepše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šeh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aždodenníh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život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t>
            </a:r>
          </a:p>
          <a:p>
            <a:endPar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endParaRPr>
          </a:p>
          <a:p>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čas</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bycho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s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šichn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amyslel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d</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živote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stě</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2</a:t>
            </a:fld>
            <a:endParaRPr lang="en-GB"/>
          </a:p>
        </p:txBody>
      </p:sp>
    </p:spTree>
    <p:extLst>
      <p:ext uri="{BB962C8B-B14F-4D97-AF65-F5344CB8AC3E}">
        <p14:creationId xmlns:p14="http://schemas.microsoft.com/office/powerpoint/2010/main" val="331630141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at is a short list of some of the official Safe City projects. And we are particularly proud, that Sofia is on the list, that is the city I come from… But you also see Katowice here, which is a great reference for us not only in Poland, but in the region as well. . </a:t>
            </a:r>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t>20</a:t>
            </a:fld>
            <a:endParaRPr lang="en-GB"/>
          </a:p>
        </p:txBody>
      </p:sp>
    </p:spTree>
    <p:extLst>
      <p:ext uri="{BB962C8B-B14F-4D97-AF65-F5344CB8AC3E}">
        <p14:creationId xmlns:p14="http://schemas.microsoft.com/office/powerpoint/2010/main" val="278791606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GB" dirty="0">
                <a:solidFill>
                  <a:schemeClr val="bg1"/>
                </a:solidFill>
              </a:rPr>
              <a:t>Jak to </a:t>
            </a:r>
            <a:r>
              <a:rPr lang="en-GB" dirty="0" err="1">
                <a:solidFill>
                  <a:schemeClr val="bg1"/>
                </a:solidFill>
              </a:rPr>
              <a:t>tedy</a:t>
            </a:r>
            <a:r>
              <a:rPr lang="en-GB" dirty="0">
                <a:solidFill>
                  <a:schemeClr val="bg1"/>
                </a:solidFill>
              </a:rPr>
              <a:t> </a:t>
            </a:r>
            <a:r>
              <a:rPr lang="en-GB" dirty="0" err="1">
                <a:solidFill>
                  <a:schemeClr val="bg1"/>
                </a:solidFill>
              </a:rPr>
              <a:t>všechno</a:t>
            </a:r>
            <a:r>
              <a:rPr lang="en-GB" dirty="0">
                <a:solidFill>
                  <a:schemeClr val="bg1"/>
                </a:solidFill>
              </a:rPr>
              <a:t> </a:t>
            </a:r>
            <a:r>
              <a:rPr lang="en-GB" dirty="0" err="1">
                <a:solidFill>
                  <a:schemeClr val="bg1"/>
                </a:solidFill>
              </a:rPr>
              <a:t>začalo</a:t>
            </a:r>
            <a:r>
              <a:rPr lang="en-GB" dirty="0">
                <a:solidFill>
                  <a:schemeClr val="bg1"/>
                </a:solidFill>
              </a:rPr>
              <a:t> v </a:t>
            </a:r>
            <a:r>
              <a:rPr lang="en-GB" dirty="0" err="1">
                <a:solidFill>
                  <a:schemeClr val="bg1"/>
                </a:solidFill>
              </a:rPr>
              <a:t>krásném</a:t>
            </a:r>
            <a:r>
              <a:rPr lang="en-GB" dirty="0">
                <a:solidFill>
                  <a:schemeClr val="bg1"/>
                </a:solidFill>
              </a:rPr>
              <a:t> </a:t>
            </a:r>
            <a:r>
              <a:rPr lang="en-GB" dirty="0" err="1">
                <a:solidFill>
                  <a:schemeClr val="bg1"/>
                </a:solidFill>
              </a:rPr>
              <a:t>hlavním</a:t>
            </a:r>
            <a:r>
              <a:rPr lang="en-GB" dirty="0">
                <a:solidFill>
                  <a:schemeClr val="bg1"/>
                </a:solidFill>
              </a:rPr>
              <a:t> </a:t>
            </a:r>
            <a:r>
              <a:rPr lang="en-GB" dirty="0" err="1">
                <a:solidFill>
                  <a:schemeClr val="bg1"/>
                </a:solidFill>
              </a:rPr>
              <a:t>městě</a:t>
            </a:r>
            <a:r>
              <a:rPr lang="en-GB" dirty="0">
                <a:solidFill>
                  <a:schemeClr val="bg1"/>
                </a:solidFill>
              </a:rPr>
              <a:t> </a:t>
            </a:r>
            <a:r>
              <a:rPr lang="en-GB" dirty="0" err="1">
                <a:solidFill>
                  <a:schemeClr val="bg1"/>
                </a:solidFill>
              </a:rPr>
              <a:t>Slezska</a:t>
            </a:r>
            <a:r>
              <a:rPr lang="en-GB" dirty="0">
                <a:solidFill>
                  <a:schemeClr val="bg1"/>
                </a:solidFill>
              </a:rPr>
              <a:t>… </a:t>
            </a:r>
            <a:r>
              <a:rPr lang="en-GB" dirty="0" err="1">
                <a:solidFill>
                  <a:schemeClr val="bg1"/>
                </a:solidFill>
              </a:rPr>
              <a:t>Bylo</a:t>
            </a:r>
            <a:r>
              <a:rPr lang="en-GB" dirty="0">
                <a:solidFill>
                  <a:schemeClr val="bg1"/>
                </a:solidFill>
              </a:rPr>
              <a:t> to v </a:t>
            </a:r>
            <a:r>
              <a:rPr lang="en-GB" dirty="0" err="1">
                <a:solidFill>
                  <a:schemeClr val="bg1"/>
                </a:solidFill>
              </a:rPr>
              <a:t>roce</a:t>
            </a:r>
            <a:r>
              <a:rPr lang="en-GB" dirty="0">
                <a:solidFill>
                  <a:schemeClr val="bg1"/>
                </a:solidFill>
              </a:rPr>
              <a:t> 2001, </a:t>
            </a:r>
            <a:r>
              <a:rPr lang="en-GB" dirty="0" err="1">
                <a:solidFill>
                  <a:schemeClr val="bg1"/>
                </a:solidFill>
              </a:rPr>
              <a:t>kdy</a:t>
            </a:r>
            <a:r>
              <a:rPr lang="en-GB" dirty="0">
                <a:solidFill>
                  <a:schemeClr val="bg1"/>
                </a:solidFill>
              </a:rPr>
              <a:t> </a:t>
            </a:r>
            <a:r>
              <a:rPr lang="en-GB" dirty="0" err="1">
                <a:solidFill>
                  <a:schemeClr val="bg1"/>
                </a:solidFill>
              </a:rPr>
              <a:t>byly</a:t>
            </a:r>
            <a:r>
              <a:rPr lang="en-GB" dirty="0">
                <a:solidFill>
                  <a:schemeClr val="bg1"/>
                </a:solidFill>
              </a:rPr>
              <a:t> </a:t>
            </a:r>
            <a:r>
              <a:rPr lang="en-GB" dirty="0" err="1">
                <a:solidFill>
                  <a:schemeClr val="bg1"/>
                </a:solidFill>
              </a:rPr>
              <a:t>instalovány</a:t>
            </a:r>
            <a:r>
              <a:rPr lang="en-GB" dirty="0">
                <a:solidFill>
                  <a:schemeClr val="bg1"/>
                </a:solidFill>
              </a:rPr>
              <a:t> </a:t>
            </a:r>
            <a:r>
              <a:rPr lang="en-GB" dirty="0" err="1">
                <a:solidFill>
                  <a:schemeClr val="bg1"/>
                </a:solidFill>
              </a:rPr>
              <a:t>první</a:t>
            </a:r>
            <a:r>
              <a:rPr lang="en-GB" dirty="0">
                <a:solidFill>
                  <a:schemeClr val="bg1"/>
                </a:solidFill>
              </a:rPr>
              <a:t> </a:t>
            </a:r>
            <a:r>
              <a:rPr lang="en-GB" dirty="0" err="1">
                <a:solidFill>
                  <a:schemeClr val="bg1"/>
                </a:solidFill>
              </a:rPr>
              <a:t>videokamery</a:t>
            </a:r>
            <a:r>
              <a:rPr lang="en-GB" dirty="0">
                <a:solidFill>
                  <a:schemeClr val="bg1"/>
                </a:solidFill>
              </a:rPr>
              <a: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GB" dirty="0" err="1">
                <a:solidFill>
                  <a:schemeClr val="bg1"/>
                </a:solidFill>
              </a:rPr>
              <a:t>Město</a:t>
            </a:r>
            <a:r>
              <a:rPr lang="en-GB" dirty="0">
                <a:solidFill>
                  <a:schemeClr val="bg1"/>
                </a:solidFill>
              </a:rPr>
              <a:t> </a:t>
            </a:r>
            <a:r>
              <a:rPr lang="en-GB" dirty="0" err="1">
                <a:solidFill>
                  <a:schemeClr val="bg1"/>
                </a:solidFill>
              </a:rPr>
              <a:t>investovalo</a:t>
            </a:r>
            <a:r>
              <a:rPr lang="en-GB" dirty="0">
                <a:solidFill>
                  <a:schemeClr val="bg1"/>
                </a:solidFill>
              </a:rPr>
              <a:t> do 16 </a:t>
            </a:r>
            <a:r>
              <a:rPr lang="en-GB" dirty="0" err="1">
                <a:solidFill>
                  <a:schemeClr val="bg1"/>
                </a:solidFill>
              </a:rPr>
              <a:t>analogových</a:t>
            </a:r>
            <a:r>
              <a:rPr lang="en-GB" dirty="0">
                <a:solidFill>
                  <a:schemeClr val="bg1"/>
                </a:solidFill>
              </a:rPr>
              <a:t> </a:t>
            </a:r>
            <a:r>
              <a:rPr lang="en-GB" dirty="0" err="1">
                <a:solidFill>
                  <a:schemeClr val="bg1"/>
                </a:solidFill>
              </a:rPr>
              <a:t>zařízení</a:t>
            </a:r>
            <a:r>
              <a:rPr lang="en-GB" dirty="0">
                <a:solidFill>
                  <a:schemeClr val="bg1"/>
                </a:solidFill>
              </a:rPr>
              <a:t> </a:t>
            </a:r>
            <a:r>
              <a:rPr lang="en-GB" dirty="0" err="1">
                <a:solidFill>
                  <a:schemeClr val="bg1"/>
                </a:solidFill>
              </a:rPr>
              <a:t>instalovaných</a:t>
            </a:r>
            <a:r>
              <a:rPr lang="en-GB" dirty="0">
                <a:solidFill>
                  <a:schemeClr val="bg1"/>
                </a:solidFill>
              </a:rPr>
              <a:t> v </a:t>
            </a:r>
            <a:r>
              <a:rPr lang="en-GB" dirty="0" err="1">
                <a:solidFill>
                  <a:schemeClr val="bg1"/>
                </a:solidFill>
              </a:rPr>
              <a:t>centru</a:t>
            </a:r>
            <a:r>
              <a:rPr lang="en-GB" dirty="0">
                <a:solidFill>
                  <a:schemeClr val="bg1"/>
                </a:solidFill>
              </a:rPr>
              <a:t> </a:t>
            </a:r>
            <a:r>
              <a:rPr lang="en-GB" dirty="0" err="1">
                <a:solidFill>
                  <a:schemeClr val="bg1"/>
                </a:solidFill>
              </a:rPr>
              <a:t>města</a:t>
            </a:r>
            <a:r>
              <a:rPr lang="en-GB" dirty="0">
                <a:solidFill>
                  <a:schemeClr val="bg1"/>
                </a:solidFill>
              </a:rPr>
              <a:t> a </a:t>
            </a:r>
            <a:r>
              <a:rPr lang="en-GB" dirty="0" err="1">
                <a:solidFill>
                  <a:schemeClr val="bg1"/>
                </a:solidFill>
              </a:rPr>
              <a:t>snímky</a:t>
            </a:r>
            <a:r>
              <a:rPr lang="en-GB" dirty="0">
                <a:solidFill>
                  <a:schemeClr val="bg1"/>
                </a:solidFill>
              </a:rPr>
              <a:t> </a:t>
            </a:r>
            <a:r>
              <a:rPr lang="en-GB" dirty="0" err="1">
                <a:solidFill>
                  <a:schemeClr val="bg1"/>
                </a:solidFill>
              </a:rPr>
              <a:t>zasílalo</a:t>
            </a:r>
            <a:r>
              <a:rPr lang="en-GB" dirty="0">
                <a:solidFill>
                  <a:schemeClr val="bg1"/>
                </a:solidFill>
              </a:rPr>
              <a:t> </a:t>
            </a:r>
            <a:r>
              <a:rPr lang="en-GB" dirty="0" err="1">
                <a:solidFill>
                  <a:schemeClr val="bg1"/>
                </a:solidFill>
              </a:rPr>
              <a:t>na</a:t>
            </a:r>
            <a:r>
              <a:rPr lang="en-GB" dirty="0">
                <a:solidFill>
                  <a:schemeClr val="bg1"/>
                </a:solidFill>
              </a:rPr>
              <a:t> </a:t>
            </a:r>
            <a:r>
              <a:rPr lang="en-GB" dirty="0" err="1">
                <a:solidFill>
                  <a:schemeClr val="bg1"/>
                </a:solidFill>
              </a:rPr>
              <a:t>ředitelství</a:t>
            </a:r>
            <a:r>
              <a:rPr lang="en-GB" dirty="0">
                <a:solidFill>
                  <a:schemeClr val="bg1"/>
                </a:solidFill>
              </a:rPr>
              <a:t> </a:t>
            </a:r>
            <a:r>
              <a:rPr lang="en-GB" dirty="0" err="1">
                <a:solidFill>
                  <a:schemeClr val="bg1"/>
                </a:solidFill>
              </a:rPr>
              <a:t>Městské</a:t>
            </a:r>
            <a:r>
              <a:rPr lang="en-GB" dirty="0">
                <a:solidFill>
                  <a:schemeClr val="bg1"/>
                </a:solidFill>
              </a:rPr>
              <a:t> </a:t>
            </a:r>
            <a:r>
              <a:rPr lang="en-GB" dirty="0" err="1">
                <a:solidFill>
                  <a:schemeClr val="bg1"/>
                </a:solidFill>
              </a:rPr>
              <a:t>policie</a:t>
            </a:r>
            <a:r>
              <a:rPr lang="en-GB" dirty="0">
                <a:solidFill>
                  <a:schemeClr val="bg1"/>
                </a:solidFill>
              </a:rPr>
              <a:t>. To </a:t>
            </a:r>
            <a:r>
              <a:rPr lang="en-GB" dirty="0" err="1">
                <a:solidFill>
                  <a:schemeClr val="bg1"/>
                </a:solidFill>
              </a:rPr>
              <a:t>byl</a:t>
            </a:r>
            <a:r>
              <a:rPr lang="en-GB" dirty="0">
                <a:solidFill>
                  <a:schemeClr val="bg1"/>
                </a:solidFill>
              </a:rPr>
              <a:t> </a:t>
            </a:r>
            <a:r>
              <a:rPr lang="en-GB" dirty="0" err="1">
                <a:solidFill>
                  <a:schemeClr val="bg1"/>
                </a:solidFill>
              </a:rPr>
              <a:t>první</a:t>
            </a:r>
            <a:r>
              <a:rPr lang="en-GB" dirty="0">
                <a:solidFill>
                  <a:schemeClr val="bg1"/>
                </a:solidFill>
              </a:rPr>
              <a:t> </a:t>
            </a:r>
            <a:r>
              <a:rPr lang="en-GB" dirty="0" err="1">
                <a:solidFill>
                  <a:schemeClr val="bg1"/>
                </a:solidFill>
              </a:rPr>
              <a:t>krok</a:t>
            </a:r>
            <a:r>
              <a:rPr lang="en-GB" dirty="0">
                <a:solidFill>
                  <a:schemeClr val="bg1"/>
                </a:solidFill>
              </a:rPr>
              <a:t> k </a:t>
            </a:r>
            <a:r>
              <a:rPr lang="en-GB" dirty="0" err="1">
                <a:solidFill>
                  <a:schemeClr val="bg1"/>
                </a:solidFill>
              </a:rPr>
              <a:t>vybudování</a:t>
            </a:r>
            <a:r>
              <a:rPr lang="en-GB" dirty="0">
                <a:solidFill>
                  <a:schemeClr val="bg1"/>
                </a:solidFill>
              </a:rPr>
              <a:t> video </a:t>
            </a:r>
            <a:r>
              <a:rPr lang="en-GB" dirty="0" err="1">
                <a:solidFill>
                  <a:schemeClr val="bg1"/>
                </a:solidFill>
              </a:rPr>
              <a:t>monitorovacího</a:t>
            </a:r>
            <a:r>
              <a:rPr lang="en-GB" dirty="0">
                <a:solidFill>
                  <a:schemeClr val="bg1"/>
                </a:solidFill>
              </a:rPr>
              <a:t> </a:t>
            </a:r>
            <a:r>
              <a:rPr lang="en-GB" dirty="0" err="1">
                <a:solidFill>
                  <a:schemeClr val="bg1"/>
                </a:solidFill>
              </a:rPr>
              <a:t>systému</a:t>
            </a:r>
            <a:r>
              <a:rPr lang="en-GB" dirty="0">
                <a:solidFill>
                  <a:schemeClr val="bg1"/>
                </a:solidFill>
              </a:rPr>
              <a:t> </a:t>
            </a:r>
            <a:r>
              <a:rPr lang="en-GB" dirty="0" err="1">
                <a:solidFill>
                  <a:schemeClr val="bg1"/>
                </a:solidFill>
              </a:rPr>
              <a:t>na</a:t>
            </a:r>
            <a:r>
              <a:rPr lang="en-GB" dirty="0">
                <a:solidFill>
                  <a:schemeClr val="bg1"/>
                </a:solidFill>
              </a:rPr>
              <a:t> </a:t>
            </a:r>
            <a:r>
              <a:rPr lang="en-GB" dirty="0" err="1">
                <a:solidFill>
                  <a:schemeClr val="bg1"/>
                </a:solidFill>
              </a:rPr>
              <a:t>ochranu</a:t>
            </a:r>
            <a:r>
              <a:rPr lang="en-GB" dirty="0">
                <a:solidFill>
                  <a:schemeClr val="bg1"/>
                </a:solidFill>
              </a:rPr>
              <a:t> </a:t>
            </a:r>
            <a:r>
              <a:rPr lang="en-GB" dirty="0" err="1">
                <a:solidFill>
                  <a:schemeClr val="bg1"/>
                </a:solidFill>
              </a:rPr>
              <a:t>před</a:t>
            </a:r>
            <a:r>
              <a:rPr lang="en-GB" dirty="0">
                <a:solidFill>
                  <a:schemeClr val="bg1"/>
                </a:solidFill>
              </a:rPr>
              <a:t> </a:t>
            </a:r>
            <a:r>
              <a:rPr lang="en-GB" dirty="0" err="1">
                <a:solidFill>
                  <a:schemeClr val="bg1"/>
                </a:solidFill>
              </a:rPr>
              <a:t>nebezpečnými</a:t>
            </a:r>
            <a:r>
              <a:rPr lang="en-GB" dirty="0">
                <a:solidFill>
                  <a:schemeClr val="bg1"/>
                </a:solidFill>
              </a:rPr>
              <a:t> </a:t>
            </a:r>
            <a:r>
              <a:rPr lang="en-GB" dirty="0" err="1">
                <a:solidFill>
                  <a:schemeClr val="bg1"/>
                </a:solidFill>
              </a:rPr>
              <a:t>událostmi</a:t>
            </a:r>
            <a:r>
              <a:rPr lang="en-GB" dirty="0">
                <a:solidFill>
                  <a:schemeClr val="bg1"/>
                </a:solidFill>
              </a:rPr>
              <a:t>. </a:t>
            </a:r>
            <a:r>
              <a:rPr lang="en-GB" dirty="0" err="1">
                <a:solidFill>
                  <a:schemeClr val="bg1"/>
                </a:solidFill>
              </a:rPr>
              <a:t>Vize</a:t>
            </a:r>
            <a:r>
              <a:rPr lang="en-GB" dirty="0">
                <a:solidFill>
                  <a:schemeClr val="bg1"/>
                </a:solidFill>
              </a:rPr>
              <a:t> </a:t>
            </a:r>
            <a:r>
              <a:rPr lang="en-GB" dirty="0" err="1">
                <a:solidFill>
                  <a:schemeClr val="bg1"/>
                </a:solidFill>
              </a:rPr>
              <a:t>rostla</a:t>
            </a:r>
            <a:r>
              <a:rPr lang="en-GB" dirty="0">
                <a:solidFill>
                  <a:schemeClr val="bg1"/>
                </a:solidFill>
              </a:rPr>
              <a:t> pro </a:t>
            </a:r>
            <a:r>
              <a:rPr lang="en-GB" dirty="0" err="1">
                <a:solidFill>
                  <a:schemeClr val="bg1"/>
                </a:solidFill>
              </a:rPr>
              <a:t>nové</a:t>
            </a:r>
            <a:r>
              <a:rPr lang="en-GB" dirty="0">
                <a:solidFill>
                  <a:schemeClr val="bg1"/>
                </a:solidFill>
              </a:rPr>
              <a:t> </a:t>
            </a:r>
            <a:r>
              <a:rPr lang="en-GB" dirty="0" err="1">
                <a:solidFill>
                  <a:schemeClr val="bg1"/>
                </a:solidFill>
              </a:rPr>
              <a:t>investice</a:t>
            </a:r>
            <a:r>
              <a:rPr lang="en-GB" dirty="0">
                <a:solidFill>
                  <a:schemeClr val="bg1"/>
                </a:solidFill>
              </a:rPr>
              <a:t> </a:t>
            </a:r>
            <a:r>
              <a:rPr lang="en-GB" dirty="0" err="1">
                <a:solidFill>
                  <a:schemeClr val="bg1"/>
                </a:solidFill>
              </a:rPr>
              <a:t>jako</a:t>
            </a:r>
            <a:r>
              <a:rPr lang="en-GB" dirty="0">
                <a:solidFill>
                  <a:schemeClr val="bg1"/>
                </a:solidFill>
              </a:rPr>
              <a:t> </a:t>
            </a:r>
            <a:r>
              <a:rPr lang="en-GB" dirty="0" err="1">
                <a:solidFill>
                  <a:schemeClr val="bg1"/>
                </a:solidFill>
              </a:rPr>
              <a:t>chytré</a:t>
            </a:r>
            <a:r>
              <a:rPr lang="en-GB" dirty="0">
                <a:solidFill>
                  <a:schemeClr val="bg1"/>
                </a:solidFill>
              </a:rPr>
              <a:t> </a:t>
            </a:r>
            <a:r>
              <a:rPr lang="en-GB" dirty="0" err="1">
                <a:solidFill>
                  <a:schemeClr val="bg1"/>
                </a:solidFill>
              </a:rPr>
              <a:t>město</a:t>
            </a:r>
            <a:r>
              <a:rPr lang="en-GB" dirty="0">
                <a:solidFill>
                  <a:schemeClr val="bg1"/>
                </a:solidFill>
              </a:rPr>
              <a:t>, </a:t>
            </a:r>
            <a:r>
              <a:rPr lang="en-GB" dirty="0" err="1">
                <a:solidFill>
                  <a:schemeClr val="bg1"/>
                </a:solidFill>
              </a:rPr>
              <a:t>které</a:t>
            </a:r>
            <a:r>
              <a:rPr lang="en-GB" dirty="0">
                <a:solidFill>
                  <a:schemeClr val="bg1"/>
                </a:solidFill>
              </a:rPr>
              <a:t> se </a:t>
            </a:r>
            <a:r>
              <a:rPr lang="en-GB" dirty="0" err="1">
                <a:solidFill>
                  <a:schemeClr val="bg1"/>
                </a:solidFill>
              </a:rPr>
              <a:t>stalo</a:t>
            </a:r>
            <a:r>
              <a:rPr lang="en-GB" dirty="0">
                <a:solidFill>
                  <a:schemeClr val="bg1"/>
                </a:solidFill>
              </a:rPr>
              <a:t> </a:t>
            </a:r>
            <a:r>
              <a:rPr lang="en-GB" dirty="0" err="1">
                <a:solidFill>
                  <a:schemeClr val="bg1"/>
                </a:solidFill>
              </a:rPr>
              <a:t>projektem</a:t>
            </a:r>
            <a:r>
              <a:rPr lang="en-GB" dirty="0">
                <a:solidFill>
                  <a:schemeClr val="bg1"/>
                </a:solidFill>
              </a:rPr>
              <a:t> </a:t>
            </a:r>
            <a:r>
              <a:rPr lang="en-GB" dirty="0" err="1">
                <a:solidFill>
                  <a:schemeClr val="bg1"/>
                </a:solidFill>
              </a:rPr>
              <a:t>KISMiA</a:t>
            </a:r>
            <a:r>
              <a:rPr lang="en-GB" dirty="0">
                <a:solidFill>
                  <a:schemeClr val="bg1"/>
                </a:solidFill>
              </a:rPr>
              <a:t>: </a:t>
            </a:r>
            <a:r>
              <a:rPr lang="en-GB" dirty="0" err="1">
                <a:solidFill>
                  <a:schemeClr val="bg1"/>
                </a:solidFill>
              </a:rPr>
              <a:t>Katowický</a:t>
            </a:r>
            <a:r>
              <a:rPr lang="en-GB" dirty="0">
                <a:solidFill>
                  <a:schemeClr val="bg1"/>
                </a:solidFill>
              </a:rPr>
              <a:t> </a:t>
            </a:r>
            <a:r>
              <a:rPr lang="en-GB" dirty="0" err="1">
                <a:solidFill>
                  <a:schemeClr val="bg1"/>
                </a:solidFill>
              </a:rPr>
              <a:t>inteligentní</a:t>
            </a:r>
            <a:r>
              <a:rPr lang="en-GB" dirty="0">
                <a:solidFill>
                  <a:schemeClr val="bg1"/>
                </a:solidFill>
              </a:rPr>
              <a:t> </a:t>
            </a:r>
            <a:r>
              <a:rPr lang="en-GB" dirty="0" err="1">
                <a:solidFill>
                  <a:schemeClr val="bg1"/>
                </a:solidFill>
              </a:rPr>
              <a:t>monitorovací</a:t>
            </a:r>
            <a:r>
              <a:rPr lang="en-GB" dirty="0">
                <a:solidFill>
                  <a:schemeClr val="bg1"/>
                </a:solidFill>
              </a:rPr>
              <a:t> a </a:t>
            </a:r>
            <a:r>
              <a:rPr lang="en-GB" dirty="0" err="1">
                <a:solidFill>
                  <a:schemeClr val="bg1"/>
                </a:solidFill>
              </a:rPr>
              <a:t>analytický</a:t>
            </a:r>
            <a:r>
              <a:rPr lang="en-GB" dirty="0">
                <a:solidFill>
                  <a:schemeClr val="bg1"/>
                </a:solidFill>
              </a:rPr>
              <a:t> </a:t>
            </a:r>
            <a:r>
              <a:rPr lang="en-GB" dirty="0" err="1">
                <a:solidFill>
                  <a:schemeClr val="bg1"/>
                </a:solidFill>
              </a:rPr>
              <a:t>systém</a:t>
            </a:r>
            <a:r>
              <a:rPr lang="en-GB" dirty="0">
                <a:solidFill>
                  <a:schemeClr val="bg1"/>
                </a:solidFill>
              </a:rPr>
              <a: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GB" dirty="0">
              <a:solidFill>
                <a:schemeClr val="bg1"/>
              </a:solidFill>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GB" dirty="0" err="1">
                <a:solidFill>
                  <a:schemeClr val="bg1"/>
                </a:solidFill>
              </a:rPr>
              <a:t>Cílem</a:t>
            </a:r>
            <a:r>
              <a:rPr lang="en-GB" dirty="0">
                <a:solidFill>
                  <a:schemeClr val="bg1"/>
                </a:solidFill>
              </a:rPr>
              <a:t> </a:t>
            </a:r>
            <a:r>
              <a:rPr lang="en-GB" dirty="0" err="1">
                <a:solidFill>
                  <a:schemeClr val="bg1"/>
                </a:solidFill>
              </a:rPr>
              <a:t>bylo</a:t>
            </a:r>
            <a:r>
              <a:rPr lang="en-GB" dirty="0">
                <a:solidFill>
                  <a:schemeClr val="bg1"/>
                </a:solidFill>
              </a:rPr>
              <a:t> </a:t>
            </a:r>
            <a:r>
              <a:rPr lang="en-GB" dirty="0" err="1">
                <a:solidFill>
                  <a:schemeClr val="bg1"/>
                </a:solidFill>
              </a:rPr>
              <a:t>zlepšit</a:t>
            </a:r>
            <a:r>
              <a:rPr lang="en-GB" dirty="0">
                <a:solidFill>
                  <a:schemeClr val="bg1"/>
                </a:solidFill>
              </a:rPr>
              <a:t> </a:t>
            </a:r>
            <a:r>
              <a:rPr lang="en-GB" dirty="0" err="1">
                <a:solidFill>
                  <a:schemeClr val="bg1"/>
                </a:solidFill>
              </a:rPr>
              <a:t>efektivitu</a:t>
            </a:r>
            <a:r>
              <a:rPr lang="en-GB" dirty="0">
                <a:solidFill>
                  <a:schemeClr val="bg1"/>
                </a:solidFill>
              </a:rPr>
              <a:t> </a:t>
            </a:r>
            <a:r>
              <a:rPr lang="en-GB" dirty="0" err="1">
                <a:solidFill>
                  <a:schemeClr val="bg1"/>
                </a:solidFill>
              </a:rPr>
              <a:t>monitorovacího</a:t>
            </a:r>
            <a:r>
              <a:rPr lang="en-GB" dirty="0">
                <a:solidFill>
                  <a:schemeClr val="bg1"/>
                </a:solidFill>
              </a:rPr>
              <a:t> centra a </a:t>
            </a:r>
            <a:r>
              <a:rPr lang="en-GB" dirty="0" err="1">
                <a:solidFill>
                  <a:schemeClr val="bg1"/>
                </a:solidFill>
              </a:rPr>
              <a:t>zajistit</a:t>
            </a:r>
            <a:r>
              <a:rPr lang="en-GB" dirty="0">
                <a:solidFill>
                  <a:schemeClr val="bg1"/>
                </a:solidFill>
              </a:rPr>
              <a:t> </a:t>
            </a:r>
            <a:r>
              <a:rPr lang="en-GB" dirty="0" err="1">
                <a:solidFill>
                  <a:schemeClr val="bg1"/>
                </a:solidFill>
              </a:rPr>
              <a:t>lepší</a:t>
            </a:r>
            <a:r>
              <a:rPr lang="en-GB" dirty="0">
                <a:solidFill>
                  <a:schemeClr val="bg1"/>
                </a:solidFill>
              </a:rPr>
              <a:t> </a:t>
            </a:r>
            <a:r>
              <a:rPr lang="en-GB" dirty="0" err="1">
                <a:solidFill>
                  <a:schemeClr val="bg1"/>
                </a:solidFill>
              </a:rPr>
              <a:t>koordinaci</a:t>
            </a:r>
            <a:r>
              <a:rPr lang="en-GB" dirty="0">
                <a:solidFill>
                  <a:schemeClr val="bg1"/>
                </a:solidFill>
              </a:rPr>
              <a:t> </a:t>
            </a:r>
            <a:r>
              <a:rPr lang="en-GB" dirty="0" err="1">
                <a:solidFill>
                  <a:schemeClr val="bg1"/>
                </a:solidFill>
              </a:rPr>
              <a:t>těchto</a:t>
            </a:r>
            <a:r>
              <a:rPr lang="en-GB" dirty="0">
                <a:solidFill>
                  <a:schemeClr val="bg1"/>
                </a:solidFill>
              </a:rPr>
              <a:t> </a:t>
            </a:r>
            <a:r>
              <a:rPr lang="en-GB" dirty="0" err="1">
                <a:solidFill>
                  <a:schemeClr val="bg1"/>
                </a:solidFill>
              </a:rPr>
              <a:t>služeb</a:t>
            </a:r>
            <a:r>
              <a:rPr lang="en-GB" dirty="0">
                <a:solidFill>
                  <a:schemeClr val="bg1"/>
                </a:solidFill>
              </a:rPr>
              <a:t>. </a:t>
            </a:r>
            <a:r>
              <a:rPr lang="en-GB" dirty="0" err="1">
                <a:solidFill>
                  <a:schemeClr val="bg1"/>
                </a:solidFill>
              </a:rPr>
              <a:t>Integrovaný</a:t>
            </a:r>
            <a:r>
              <a:rPr lang="en-GB" dirty="0">
                <a:solidFill>
                  <a:schemeClr val="bg1"/>
                </a:solidFill>
              </a:rPr>
              <a:t> </a:t>
            </a:r>
            <a:r>
              <a:rPr lang="en-GB" dirty="0" err="1">
                <a:solidFill>
                  <a:schemeClr val="bg1"/>
                </a:solidFill>
              </a:rPr>
              <a:t>systém</a:t>
            </a:r>
            <a:r>
              <a:rPr lang="en-GB" dirty="0">
                <a:solidFill>
                  <a:schemeClr val="bg1"/>
                </a:solidFill>
              </a:rPr>
              <a:t> </a:t>
            </a:r>
            <a:r>
              <a:rPr lang="en-GB" dirty="0" err="1">
                <a:solidFill>
                  <a:schemeClr val="bg1"/>
                </a:solidFill>
              </a:rPr>
              <a:t>poskytl</a:t>
            </a:r>
            <a:r>
              <a:rPr lang="en-GB" dirty="0">
                <a:solidFill>
                  <a:schemeClr val="bg1"/>
                </a:solidFill>
              </a:rPr>
              <a:t> </a:t>
            </a:r>
            <a:r>
              <a:rPr lang="en-GB" dirty="0" err="1">
                <a:solidFill>
                  <a:schemeClr val="bg1"/>
                </a:solidFill>
              </a:rPr>
              <a:t>jasnější</a:t>
            </a:r>
            <a:r>
              <a:rPr lang="en-GB" dirty="0">
                <a:solidFill>
                  <a:schemeClr val="bg1"/>
                </a:solidFill>
              </a:rPr>
              <a:t> </a:t>
            </a:r>
            <a:r>
              <a:rPr lang="en-GB" dirty="0" err="1">
                <a:solidFill>
                  <a:schemeClr val="bg1"/>
                </a:solidFill>
              </a:rPr>
              <a:t>orientaci</a:t>
            </a:r>
            <a:r>
              <a:rPr lang="en-GB" dirty="0">
                <a:solidFill>
                  <a:schemeClr val="bg1"/>
                </a:solidFill>
              </a:rPr>
              <a:t> v </a:t>
            </a:r>
            <a:r>
              <a:rPr lang="en-GB" dirty="0" err="1">
                <a:solidFill>
                  <a:schemeClr val="bg1"/>
                </a:solidFill>
              </a:rPr>
              <a:t>incidentech</a:t>
            </a:r>
            <a:r>
              <a:rPr lang="en-GB" dirty="0">
                <a:solidFill>
                  <a:schemeClr val="bg1"/>
                </a:solidFill>
              </a:rPr>
              <a:t> a </a:t>
            </a:r>
            <a:r>
              <a:rPr lang="en-GB" dirty="0" err="1">
                <a:solidFill>
                  <a:schemeClr val="bg1"/>
                </a:solidFill>
              </a:rPr>
              <a:t>také</a:t>
            </a:r>
            <a:r>
              <a:rPr lang="en-GB" dirty="0">
                <a:solidFill>
                  <a:schemeClr val="bg1"/>
                </a:solidFill>
              </a:rPr>
              <a:t> jak </a:t>
            </a:r>
            <a:r>
              <a:rPr lang="en-GB" dirty="0" err="1">
                <a:solidFill>
                  <a:schemeClr val="bg1"/>
                </a:solidFill>
              </a:rPr>
              <a:t>efektivněji</a:t>
            </a:r>
            <a:r>
              <a:rPr lang="en-GB" dirty="0">
                <a:solidFill>
                  <a:schemeClr val="bg1"/>
                </a:solidFill>
              </a:rPr>
              <a:t> </a:t>
            </a:r>
            <a:r>
              <a:rPr lang="en-GB" dirty="0" err="1">
                <a:solidFill>
                  <a:schemeClr val="bg1"/>
                </a:solidFill>
              </a:rPr>
              <a:t>provozovat</a:t>
            </a:r>
            <a:r>
              <a:rPr lang="en-GB" dirty="0">
                <a:solidFill>
                  <a:schemeClr val="bg1"/>
                </a:solidFill>
              </a:rPr>
              <a:t> </a:t>
            </a:r>
            <a:r>
              <a:rPr lang="en-GB" dirty="0" err="1">
                <a:solidFill>
                  <a:schemeClr val="bg1"/>
                </a:solidFill>
              </a:rPr>
              <a:t>jejich</a:t>
            </a:r>
            <a:r>
              <a:rPr lang="en-GB" dirty="0">
                <a:solidFill>
                  <a:schemeClr val="bg1"/>
                </a:solidFill>
              </a:rPr>
              <a:t> </a:t>
            </a:r>
            <a:r>
              <a:rPr lang="en-GB" dirty="0" err="1">
                <a:solidFill>
                  <a:schemeClr val="bg1"/>
                </a:solidFill>
              </a:rPr>
              <a:t>práci</a:t>
            </a:r>
            <a:r>
              <a:rPr lang="en-GB" dirty="0">
                <a:solidFill>
                  <a:schemeClr val="bg1"/>
                </a:solidFill>
              </a:rPr>
              <a:t>,</a:t>
            </a:r>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t>21</a:t>
            </a:fld>
            <a:endParaRPr lang="en-GB"/>
          </a:p>
        </p:txBody>
      </p:sp>
    </p:spTree>
    <p:extLst>
      <p:ext uri="{BB962C8B-B14F-4D97-AF65-F5344CB8AC3E}">
        <p14:creationId xmlns:p14="http://schemas.microsoft.com/office/powerpoint/2010/main" val="403230516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b="0" i="0" dirty="0" err="1">
                <a:solidFill>
                  <a:srgbClr val="303436"/>
                </a:solidFill>
                <a:effectLst/>
                <a:latin typeface="Open Sans" panose="020B0606030504020204" pitchFamily="34" charset="0"/>
              </a:rPr>
              <a:t>Dnes</a:t>
            </a:r>
            <a:r>
              <a:rPr lang="en-US" b="0" i="0" dirty="0">
                <a:solidFill>
                  <a:srgbClr val="303436"/>
                </a:solidFill>
                <a:effectLst/>
                <a:latin typeface="Open Sans" panose="020B0606030504020204" pitchFamily="34" charset="0"/>
              </a:rPr>
              <a:t> je </a:t>
            </a:r>
            <a:r>
              <a:rPr lang="en-US" b="0" i="0" dirty="0" err="1">
                <a:solidFill>
                  <a:srgbClr val="303436"/>
                </a:solidFill>
                <a:effectLst/>
                <a:latin typeface="Open Sans" panose="020B0606030504020204" pitchFamily="34" charset="0"/>
              </a:rPr>
              <a:t>řeše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založen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na</a:t>
            </a:r>
            <a:r>
              <a:rPr lang="en-US" b="0" i="0" dirty="0">
                <a:solidFill>
                  <a:srgbClr val="303436"/>
                </a:solidFill>
                <a:effectLst/>
                <a:latin typeface="Open Sans" panose="020B0606030504020204" pitchFamily="34" charset="0"/>
              </a:rPr>
              <a:t> Milestone </a:t>
            </a:r>
            <a:r>
              <a:rPr lang="en-US" b="0" i="0" dirty="0" err="1">
                <a:solidFill>
                  <a:srgbClr val="303436"/>
                </a:solidFill>
                <a:effectLst/>
                <a:latin typeface="Open Sans" panose="020B0606030504020204" pitchFamily="34" charset="0"/>
              </a:rPr>
              <a:t>Xprotect</a:t>
            </a:r>
            <a:r>
              <a:rPr lang="en-US" b="0" i="0" dirty="0">
                <a:solidFill>
                  <a:srgbClr val="303436"/>
                </a:solidFill>
                <a:effectLst/>
                <a:latin typeface="Open Sans" panose="020B0606030504020204" pitchFamily="34" charset="0"/>
              </a:rPr>
              <a:t> Corporate s </a:t>
            </a:r>
            <a:r>
              <a:rPr lang="en-US" b="0" i="0" dirty="0" err="1">
                <a:solidFill>
                  <a:srgbClr val="303436"/>
                </a:solidFill>
                <a:effectLst/>
                <a:latin typeface="Open Sans" panose="020B0606030504020204" pitchFamily="34" charset="0"/>
              </a:rPr>
              <a:t>přibližně</a:t>
            </a:r>
            <a:r>
              <a:rPr lang="en-US" b="0" i="0" dirty="0">
                <a:solidFill>
                  <a:srgbClr val="303436"/>
                </a:solidFill>
                <a:effectLst/>
                <a:latin typeface="Open Sans" panose="020B0606030504020204" pitchFamily="34" charset="0"/>
              </a:rPr>
              <a:t> 350 </a:t>
            </a:r>
            <a:r>
              <a:rPr lang="en-US" b="0" i="0" dirty="0" err="1">
                <a:solidFill>
                  <a:srgbClr val="303436"/>
                </a:solidFill>
                <a:effectLst/>
                <a:latin typeface="Open Sans" panose="020B0606030504020204" pitchFamily="34" charset="0"/>
              </a:rPr>
              <a:t>kameram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rozmístěnými</a:t>
            </a:r>
            <a:r>
              <a:rPr lang="en-US" b="0" i="0" dirty="0">
                <a:solidFill>
                  <a:srgbClr val="303436"/>
                </a:solidFill>
                <a:effectLst/>
                <a:latin typeface="Open Sans" panose="020B0606030504020204" pitchFamily="34" charset="0"/>
              </a:rPr>
              <a:t> po </a:t>
            </a:r>
            <a:r>
              <a:rPr lang="en-US" b="0" i="0" dirty="0" err="1">
                <a:solidFill>
                  <a:srgbClr val="303436"/>
                </a:solidFill>
                <a:effectLst/>
                <a:latin typeface="Open Sans" panose="020B0606030504020204" pitchFamily="34" charset="0"/>
              </a:rPr>
              <a:t>celé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ěstě</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atovic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zvolil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tevřeno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esignovou</a:t>
            </a:r>
            <a:r>
              <a:rPr lang="en-US" b="0" i="0" dirty="0">
                <a:solidFill>
                  <a:srgbClr val="303436"/>
                </a:solidFill>
                <a:effectLst/>
                <a:latin typeface="Open Sans" panose="020B0606030504020204" pitchFamily="34" charset="0"/>
              </a:rPr>
              <a:t> video </a:t>
            </a:r>
            <a:r>
              <a:rPr lang="en-US" b="0" i="0" dirty="0" err="1">
                <a:solidFill>
                  <a:srgbClr val="303436"/>
                </a:solidFill>
                <a:effectLst/>
                <a:latin typeface="Open Sans" panose="020B0606030504020204" pitchFamily="34" charset="0"/>
              </a:rPr>
              <a:t>platformu</a:t>
            </a:r>
            <a:r>
              <a:rPr lang="en-US" b="0" i="0" dirty="0">
                <a:solidFill>
                  <a:srgbClr val="303436"/>
                </a:solidFill>
                <a:effectLst/>
                <a:latin typeface="Open Sans" panose="020B0606030504020204" pitchFamily="34" charset="0"/>
              </a:rPr>
              <a:t>, aby </a:t>
            </a:r>
            <a:r>
              <a:rPr lang="en-US" b="0" i="0" dirty="0" err="1">
                <a:solidFill>
                  <a:srgbClr val="303436"/>
                </a:solidFill>
                <a:effectLst/>
                <a:latin typeface="Open Sans" panose="020B0606030504020204" pitchFamily="34" charset="0"/>
              </a:rPr>
              <a:t>mohl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íť</a:t>
            </a:r>
            <a:r>
              <a:rPr lang="en-US" b="0" i="0" dirty="0">
                <a:solidFill>
                  <a:srgbClr val="303436"/>
                </a:solidFill>
                <a:effectLst/>
                <a:latin typeface="Open Sans" panose="020B0606030504020204" pitchFamily="34" charset="0"/>
              </a:rPr>
              <a:t> v </a:t>
            </a:r>
            <a:r>
              <a:rPr lang="en-US" b="0" i="0" dirty="0" err="1">
                <a:solidFill>
                  <a:srgbClr val="303436"/>
                </a:solidFill>
                <a:effectLst/>
                <a:latin typeface="Open Sans" panose="020B0606030504020204" pitchFamily="34" charset="0"/>
              </a:rPr>
              <a:t>průběh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čas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rozšiřovat</a:t>
            </a:r>
            <a:r>
              <a:rPr lang="en-US" b="0" i="0" dirty="0">
                <a:solidFill>
                  <a:srgbClr val="303436"/>
                </a:solidFill>
                <a:effectLst/>
                <a:latin typeface="Open Sans" panose="020B0606030504020204" pitchFamily="34" charset="0"/>
              </a:rPr>
              <a:t> a </a:t>
            </a:r>
            <a:r>
              <a:rPr lang="en-US" b="0" i="0" dirty="0" err="1">
                <a:solidFill>
                  <a:srgbClr val="303436"/>
                </a:solidFill>
                <a:effectLst/>
                <a:latin typeface="Open Sans" panose="020B0606030504020204" pitchFamily="34" charset="0"/>
              </a:rPr>
              <a:t>škálovat</a:t>
            </a:r>
            <a:r>
              <a:rPr lang="en-US" b="0" i="0" dirty="0">
                <a:solidFill>
                  <a:srgbClr val="303436"/>
                </a:solidFill>
                <a:effectLst/>
                <a:latin typeface="Open Sans" panose="020B0606030504020204" pitchFamily="34" charset="0"/>
              </a:rPr>
              <a: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b="0" i="0" dirty="0">
                <a:solidFill>
                  <a:srgbClr val="303436"/>
                </a:solidFill>
                <a:effectLst/>
                <a:latin typeface="Open Sans" panose="020B0606030504020204" pitchFamily="34" charset="0"/>
              </a:rPr>
              <a:t>A </a:t>
            </a:r>
            <a:r>
              <a:rPr lang="en-US" b="0" i="0" dirty="0" err="1">
                <a:solidFill>
                  <a:srgbClr val="303436"/>
                </a:solidFill>
                <a:effectLst/>
                <a:latin typeface="Open Sans" panose="020B0606030504020204" pitchFamily="34" charset="0"/>
              </a:rPr>
              <a:t>dalš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fáz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řicház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elm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brzy</a:t>
            </a:r>
            <a:r>
              <a:rPr lang="en-US" b="0" i="0" dirty="0">
                <a:solidFill>
                  <a:srgbClr val="303436"/>
                </a:solidFill>
                <a:effectLst/>
                <a:latin typeface="Open Sans" panose="020B0606030504020204" pitchFamily="34" charset="0"/>
              </a:rPr>
              <a:t> v </a:t>
            </a:r>
            <a:r>
              <a:rPr lang="en-US" b="0" i="0" dirty="0" err="1">
                <a:solidFill>
                  <a:srgbClr val="303436"/>
                </a:solidFill>
                <a:effectLst/>
                <a:latin typeface="Open Sans" panose="020B0606030504020204" pitchFamily="34" charset="0"/>
              </a:rPr>
              <a:t>roce</a:t>
            </a:r>
            <a:r>
              <a:rPr lang="en-US" b="0" i="0" dirty="0">
                <a:solidFill>
                  <a:srgbClr val="303436"/>
                </a:solidFill>
                <a:effectLst/>
                <a:latin typeface="Open Sans" panose="020B0606030504020204" pitchFamily="34" charset="0"/>
              </a:rPr>
              <a:t> 2022 – to je ITS Katowice (</a:t>
            </a:r>
            <a:r>
              <a:rPr lang="en-US" b="0" i="0" dirty="0" err="1">
                <a:solidFill>
                  <a:srgbClr val="303436"/>
                </a:solidFill>
                <a:effectLst/>
                <a:latin typeface="Open Sans" panose="020B0606030504020204" pitchFamily="34" charset="0"/>
              </a:rPr>
              <a:t>Inteligent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oprav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ystém</a:t>
            </a:r>
            <a:r>
              <a:rPr lang="en-US" b="0" i="0" dirty="0">
                <a:solidFill>
                  <a:srgbClr val="303436"/>
                </a:solidFill>
                <a:effectLst/>
                <a:latin typeface="Open Sans" panose="020B0606030504020204" pitchFamily="34" charset="0"/>
              </a:rPr>
              <a:t>)</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t>22</a:t>
            </a:fld>
            <a:endParaRPr lang="en-GB"/>
          </a:p>
        </p:txBody>
      </p:sp>
    </p:spTree>
    <p:extLst>
      <p:ext uri="{BB962C8B-B14F-4D97-AF65-F5344CB8AC3E}">
        <p14:creationId xmlns:p14="http://schemas.microsoft.com/office/powerpoint/2010/main" val="197891053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dirty="0" err="1">
                <a:solidFill>
                  <a:srgbClr val="303436"/>
                </a:solidFill>
                <a:effectLst/>
                <a:latin typeface="Open Sans" panose="020B0606030504020204" pitchFamily="34" charset="0"/>
              </a:rPr>
              <a:t>Výzvo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íst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amospráv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bylo</a:t>
            </a:r>
            <a:r>
              <a:rPr lang="en-US" b="0" i="0" dirty="0">
                <a:solidFill>
                  <a:srgbClr val="303436"/>
                </a:solidFill>
                <a:effectLst/>
                <a:latin typeface="Open Sans" panose="020B0606030504020204" pitchFamily="34" charset="0"/>
              </a:rPr>
              <a:t>, jak </a:t>
            </a:r>
            <a:r>
              <a:rPr lang="en-US" b="0" i="0" dirty="0" err="1">
                <a:solidFill>
                  <a:srgbClr val="303436"/>
                </a:solidFill>
                <a:effectLst/>
                <a:latin typeface="Open Sans" panose="020B0606030504020204" pitchFamily="34" charset="0"/>
              </a:rPr>
              <a:t>škálovat</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perace</a:t>
            </a:r>
            <a:r>
              <a:rPr lang="en-US" b="0" i="0" dirty="0">
                <a:solidFill>
                  <a:srgbClr val="303436"/>
                </a:solidFill>
                <a:effectLst/>
                <a:latin typeface="Open Sans" panose="020B0606030504020204" pitchFamily="34" charset="0"/>
              </a:rPr>
              <a:t> a </a:t>
            </a:r>
            <a:r>
              <a:rPr lang="en-US" b="0" i="0" dirty="0" err="1">
                <a:solidFill>
                  <a:srgbClr val="303436"/>
                </a:solidFill>
                <a:effectLst/>
                <a:latin typeface="Open Sans" panose="020B0606030504020204" pitchFamily="34" charset="0"/>
              </a:rPr>
              <a:t>přidat</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analytik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ak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odul</a:t>
            </a:r>
            <a:r>
              <a:rPr lang="en-US" b="0" i="0" dirty="0">
                <a:solidFill>
                  <a:srgbClr val="303436"/>
                </a:solidFill>
                <a:effectLst/>
                <a:latin typeface="Open Sans" panose="020B0606030504020204" pitchFamily="34" charset="0"/>
              </a:rPr>
              <a:t> pro </a:t>
            </a:r>
            <a:r>
              <a:rPr lang="en-US" b="0" i="0" dirty="0" err="1">
                <a:solidFill>
                  <a:srgbClr val="303436"/>
                </a:solidFill>
                <a:effectLst/>
                <a:latin typeface="Open Sans" panose="020B0606030504020204" pitchFamily="34" charset="0"/>
              </a:rPr>
              <a:t>analýz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zaznamenanéh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braz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zvolili</a:t>
            </a:r>
            <a:r>
              <a:rPr lang="en-US" b="0" i="0" dirty="0">
                <a:solidFill>
                  <a:srgbClr val="303436"/>
                </a:solidFill>
                <a:effectLst/>
                <a:latin typeface="Open Sans" panose="020B0606030504020204" pitchFamily="34" charset="0"/>
              </a:rPr>
              <a:t> software IBM's Intelligent Operations Center a IBM Intelligent Video Analytic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dirty="0" err="1">
                <a:solidFill>
                  <a:srgbClr val="303436"/>
                </a:solidFill>
                <a:effectLst/>
                <a:latin typeface="Open Sans" panose="020B0606030504020204" pitchFamily="34" charset="0"/>
              </a:rPr>
              <a:t>Systém</a:t>
            </a:r>
            <a:r>
              <a:rPr lang="en-US" b="0" i="0" dirty="0">
                <a:solidFill>
                  <a:srgbClr val="303436"/>
                </a:solidFill>
                <a:effectLst/>
                <a:latin typeface="Open Sans" panose="020B0606030504020204" pitchFamily="34" charset="0"/>
              </a:rPr>
              <a:t> je </a:t>
            </a:r>
            <a:r>
              <a:rPr lang="en-US" b="0" i="0" dirty="0" err="1">
                <a:solidFill>
                  <a:srgbClr val="303436"/>
                </a:solidFill>
                <a:effectLst/>
                <a:latin typeface="Open Sans" panose="020B0606030504020204" pitchFamily="34" charset="0"/>
              </a:rPr>
              <a:t>definován</a:t>
            </a:r>
            <a:r>
              <a:rPr lang="en-US" b="0" i="0" dirty="0">
                <a:solidFill>
                  <a:srgbClr val="303436"/>
                </a:solidFill>
                <a:effectLst/>
                <a:latin typeface="Open Sans" panose="020B0606030504020204" pitchFamily="34" charset="0"/>
              </a:rPr>
              <a:t> pro </a:t>
            </a:r>
            <a:r>
              <a:rPr lang="en-US" b="0" i="0" dirty="0" err="1">
                <a:solidFill>
                  <a:srgbClr val="303436"/>
                </a:solidFill>
                <a:effectLst/>
                <a:latin typeface="Open Sans" panose="020B0606030504020204" pitchFamily="34" charset="0"/>
              </a:rPr>
              <a:t>typ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hroženýc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ituací</a:t>
            </a:r>
            <a:r>
              <a:rPr lang="en-US" b="0" i="0" dirty="0">
                <a:solidFill>
                  <a:srgbClr val="303436"/>
                </a:solidFill>
                <a:effectLst/>
                <a:latin typeface="Open Sans" panose="020B0606030504020204" pitchFamily="34" charset="0"/>
              </a:rPr>
              <a:t> a </a:t>
            </a:r>
            <a:r>
              <a:rPr lang="en-US" b="0" i="0" dirty="0" err="1">
                <a:solidFill>
                  <a:srgbClr val="303436"/>
                </a:solidFill>
                <a:effectLst/>
                <a:latin typeface="Open Sans" panose="020B0606030504020204" pitchFamily="34" charset="0"/>
              </a:rPr>
              <a:t>okamžitě</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aruj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perátory</a:t>
            </a:r>
            <a:r>
              <a:rPr lang="en-US" b="0" i="0" dirty="0">
                <a:solidFill>
                  <a:srgbClr val="303436"/>
                </a:solidFill>
                <a:effectLst/>
                <a:latin typeface="Open Sans" panose="020B0606030504020204" pitchFamily="34" charset="0"/>
              </a:rPr>
              <a:t>. To </a:t>
            </a:r>
            <a:r>
              <a:rPr lang="en-US" b="0" i="0" dirty="0" err="1">
                <a:solidFill>
                  <a:srgbClr val="303436"/>
                </a:solidFill>
                <a:effectLst/>
                <a:latin typeface="Open Sans" panose="020B0606030504020204" pitchFamily="34" charset="0"/>
              </a:rPr>
              <a:t>zkracuj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ob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dezvy</a:t>
            </a:r>
            <a:r>
              <a:rPr lang="en-US" b="0" i="0" dirty="0">
                <a:solidFill>
                  <a:srgbClr val="303436"/>
                </a:solidFill>
                <a:effectLst/>
                <a:latin typeface="Open Sans" panose="020B0606030504020204" pitchFamily="34" charset="0"/>
              </a:rPr>
              <a:t> a </a:t>
            </a:r>
            <a:r>
              <a:rPr lang="en-US" b="0" i="0" dirty="0" err="1">
                <a:solidFill>
                  <a:srgbClr val="303436"/>
                </a:solidFill>
                <a:effectLst/>
                <a:latin typeface="Open Sans" panose="020B0606030504020204" pitchFamily="34" charset="0"/>
              </a:rPr>
              <a:t>umožňuj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hlasovo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omunikac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n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ístě</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činu</a:t>
            </a:r>
            <a:r>
              <a:rPr lang="en-US" b="0" i="0" dirty="0">
                <a:solidFill>
                  <a:srgbClr val="303436"/>
                </a:solidFill>
                <a:effectLst/>
                <a:latin typeface="Open Sans" panose="020B0606030504020204" pitchFamily="34" charset="0"/>
              </a:rPr>
              <a:t>. To </a:t>
            </a:r>
            <a:r>
              <a:rPr lang="en-US" b="0" i="0" dirty="0" err="1">
                <a:solidFill>
                  <a:srgbClr val="303436"/>
                </a:solidFill>
                <a:effectLst/>
                <a:latin typeface="Open Sans" panose="020B0606030504020204" pitchFamily="34" charset="0"/>
              </a:rPr>
              <a:t>zahrnuje</a:t>
            </a:r>
            <a:r>
              <a:rPr lang="en-US" b="0" i="0" dirty="0">
                <a:solidFill>
                  <a:srgbClr val="303436"/>
                </a:solidFill>
                <a:effectLst/>
                <a:latin typeface="Open Sans" panose="020B0606030504020204" pitchFamily="34" charset="0"/>
              </a:rPr>
              <a:t>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dirty="0" err="1">
                <a:solidFill>
                  <a:srgbClr val="303436"/>
                </a:solidFill>
                <a:effectLst/>
                <a:latin typeface="Open Sans" panose="020B0606030504020204" pitchFamily="34" charset="0"/>
              </a:rPr>
              <a:t>osob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ležící</a:t>
            </a: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dirty="0" err="1">
                <a:solidFill>
                  <a:srgbClr val="303436"/>
                </a:solidFill>
                <a:effectLst/>
                <a:latin typeface="Open Sans" panose="020B0606030504020204" pitchFamily="34" charset="0"/>
              </a:rPr>
              <a:t>zanechaný</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ředmět</a:t>
            </a: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dirty="0" err="1">
                <a:solidFill>
                  <a:srgbClr val="303436"/>
                </a:solidFill>
                <a:effectLst/>
                <a:latin typeface="Open Sans" panose="020B0606030504020204" pitchFamily="34" charset="0"/>
              </a:rPr>
              <a:t>zvířata</a:t>
            </a:r>
            <a:r>
              <a:rPr lang="en-US" b="0" i="0" dirty="0">
                <a:solidFill>
                  <a:srgbClr val="303436"/>
                </a:solidFill>
                <a:effectLst/>
                <a:latin typeface="Open Sans" panose="020B0606030504020204" pitchFamily="34" charset="0"/>
              </a:rPr>
              <a:t> v </a:t>
            </a:r>
            <a:r>
              <a:rPr lang="en-US" b="0" i="0" dirty="0" err="1">
                <a:solidFill>
                  <a:srgbClr val="303436"/>
                </a:solidFill>
                <a:effectLst/>
                <a:latin typeface="Open Sans" panose="020B0606030504020204" pitchFamily="34" charset="0"/>
              </a:rPr>
              <a:t>zónác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rodinnýc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aktivit</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ětská</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hřiště</a:t>
            </a:r>
            <a:r>
              <a:rPr lang="en-US" b="0" i="0" dirty="0">
                <a:solidFill>
                  <a:srgbClr val="303436"/>
                </a:solidFill>
                <a:effectLst/>
                <a:latin typeface="Open Sans" panose="020B0606030504020204" pitchFamily="34" charset="0"/>
              </a:rPr>
              <a:t>, parky, </a:t>
            </a:r>
            <a:r>
              <a:rPr lang="en-US" b="0" i="0" dirty="0" err="1">
                <a:solidFill>
                  <a:srgbClr val="303436"/>
                </a:solidFill>
                <a:effectLst/>
                <a:latin typeface="Open Sans" panose="020B0606030504020204" pitchFamily="34" charset="0"/>
              </a:rPr>
              <a:t>grilovac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loch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atd</a:t>
            </a:r>
            <a:r>
              <a:rPr lang="en-US" b="0" i="0" dirty="0">
                <a:solidFill>
                  <a:srgbClr val="303436"/>
                </a:solidFill>
                <a:effectLst/>
                <a:latin typeface="Open Sans" panose="020B0606030504020204" pitchFamily="34" charset="0"/>
              </a:rPr>
              <a:t>.)</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dirty="0" err="1">
                <a:solidFill>
                  <a:srgbClr val="303436"/>
                </a:solidFill>
                <a:effectLst/>
                <a:latin typeface="Open Sans" panose="020B0606030504020204" pitchFamily="34" charset="0"/>
              </a:rPr>
              <a:t>dav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hromažďující</a:t>
            </a:r>
            <a:r>
              <a:rPr lang="en-US" b="0" i="0" dirty="0">
                <a:solidFill>
                  <a:srgbClr val="303436"/>
                </a:solidFill>
                <a:effectLst/>
                <a:latin typeface="Open Sans" panose="020B0606030504020204" pitchFamily="34" charset="0"/>
              </a:rPr>
              <a:t> se </a:t>
            </a:r>
            <a:r>
              <a:rPr lang="en-US" b="0" i="0" dirty="0" err="1">
                <a:solidFill>
                  <a:srgbClr val="303436"/>
                </a:solidFill>
                <a:effectLst/>
                <a:latin typeface="Open Sans" panose="020B0606030504020204" pitchFamily="34" charset="0"/>
              </a:rPr>
              <a:t>n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eřejnýc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rostranstvíc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ritick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běhe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andemií</a:t>
            </a:r>
            <a:r>
              <a:rPr lang="en-US" b="0" i="0" dirty="0">
                <a:solidFill>
                  <a:srgbClr val="303436"/>
                </a:solidFill>
                <a:effectLst/>
                <a:latin typeface="Open Sans" panose="020B0606030504020204" pitchFamily="34" charset="0"/>
              </a:rPr>
              <a:t>)</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dirty="0" err="1">
                <a:solidFill>
                  <a:srgbClr val="303436"/>
                </a:solidFill>
                <a:effectLst/>
                <a:latin typeface="Open Sans" panose="020B0606030504020204" pitchFamily="34" charset="0"/>
              </a:rPr>
              <a:t>srážk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ozidel</a:t>
            </a: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dirty="0" err="1">
                <a:solidFill>
                  <a:srgbClr val="303436"/>
                </a:solidFill>
                <a:effectLst/>
                <a:latin typeface="Open Sans" panose="020B0606030504020204" pitchFamily="34" charset="0"/>
              </a:rPr>
              <a:t>parková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n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zakázanýc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ístech</a:t>
            </a: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dirty="0" err="1">
                <a:solidFill>
                  <a:srgbClr val="303436"/>
                </a:solidFill>
                <a:effectLst/>
                <a:latin typeface="Open Sans" panose="020B0606030504020204" pitchFamily="34" charset="0"/>
              </a:rPr>
              <a:t>jízd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rot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měr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ízdy</a:t>
            </a: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dirty="0" err="1">
                <a:solidFill>
                  <a:srgbClr val="303436"/>
                </a:solidFill>
                <a:effectLst/>
                <a:latin typeface="Open Sans" panose="020B0606030504020204" pitchFamily="34" charset="0"/>
              </a:rPr>
              <a:t>škod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způsoben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ětre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neb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záplavami</a:t>
            </a: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b="0" i="0" dirty="0">
              <a:solidFill>
                <a:srgbClr val="303436"/>
              </a:solidFill>
              <a:effectLst/>
              <a:latin typeface="Open Sans" panose="020B0606030504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b="0" i="0" dirty="0" err="1">
                <a:solidFill>
                  <a:srgbClr val="303436"/>
                </a:solidFill>
                <a:effectLst/>
                <a:latin typeface="Open Sans" panose="020B0606030504020204" pitchFamily="34" charset="0"/>
              </a:rPr>
              <a:t>Když</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so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etekován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hrožujíc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ituac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perátoř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oho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určit</a:t>
            </a:r>
            <a:r>
              <a:rPr lang="en-US" b="0" i="0" dirty="0">
                <a:solidFill>
                  <a:srgbClr val="303436"/>
                </a:solidFill>
                <a:effectLst/>
                <a:latin typeface="Open Sans" panose="020B0606030504020204" pitchFamily="34" charset="0"/>
              </a:rPr>
              <a:t>, jak </a:t>
            </a:r>
            <a:r>
              <a:rPr lang="en-US" b="0" i="0" dirty="0" err="1">
                <a:solidFill>
                  <a:srgbClr val="303436"/>
                </a:solidFill>
                <a:effectLst/>
                <a:latin typeface="Open Sans" panose="020B0606030504020204" pitchFamily="34" charset="0"/>
              </a:rPr>
              <a:t>jednat</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Ať</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už</a:t>
            </a:r>
            <a:r>
              <a:rPr lang="en-US" b="0" i="0" dirty="0">
                <a:solidFill>
                  <a:srgbClr val="303436"/>
                </a:solidFill>
                <a:effectLst/>
                <a:latin typeface="Open Sans" panose="020B0606030504020204" pitchFamily="34" charset="0"/>
              </a:rPr>
              <a:t> se </a:t>
            </a:r>
            <a:r>
              <a:rPr lang="en-US" b="0" i="0" dirty="0" err="1">
                <a:solidFill>
                  <a:srgbClr val="303436"/>
                </a:solidFill>
                <a:effectLst/>
                <a:latin typeface="Open Sans" panose="020B0606030504020204" pitchFamily="34" charset="0"/>
              </a:rPr>
              <a:t>jedná</a:t>
            </a:r>
            <a:r>
              <a:rPr lang="en-US" b="0" i="0" dirty="0">
                <a:solidFill>
                  <a:srgbClr val="303436"/>
                </a:solidFill>
                <a:effectLst/>
                <a:latin typeface="Open Sans" panose="020B0606030504020204" pitchFamily="34" charset="0"/>
              </a:rPr>
              <a:t> o </a:t>
            </a:r>
            <a:r>
              <a:rPr lang="en-US" b="0" i="0" dirty="0" err="1">
                <a:solidFill>
                  <a:srgbClr val="303436"/>
                </a:solidFill>
                <a:effectLst/>
                <a:latin typeface="Open Sans" panose="020B0606030504020204" pitchFamily="34" charset="0"/>
              </a:rPr>
              <a:t>zvíř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neb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nebezpečno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sob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bjevující</a:t>
            </a:r>
            <a:r>
              <a:rPr lang="en-US" b="0" i="0" dirty="0">
                <a:solidFill>
                  <a:srgbClr val="303436"/>
                </a:solidFill>
                <a:effectLst/>
                <a:latin typeface="Open Sans" panose="020B0606030504020204" pitchFamily="34" charset="0"/>
              </a:rPr>
              <a:t> se v </a:t>
            </a:r>
            <a:r>
              <a:rPr lang="en-US" b="0" i="0" dirty="0" err="1">
                <a:solidFill>
                  <a:srgbClr val="303436"/>
                </a:solidFill>
                <a:effectLst/>
                <a:latin typeface="Open Sans" panose="020B0606030504020204" pitchFamily="34" charset="0"/>
              </a:rPr>
              <a:t>části</a:t>
            </a:r>
            <a:r>
              <a:rPr lang="en-US" b="0" i="0" dirty="0">
                <a:solidFill>
                  <a:srgbClr val="303436"/>
                </a:solidFill>
                <a:effectLst/>
                <a:latin typeface="Open Sans" panose="020B0606030504020204" pitchFamily="34" charset="0"/>
              </a:rPr>
              <a:t> po </a:t>
            </a:r>
            <a:r>
              <a:rPr lang="en-US" b="0" i="0" dirty="0" err="1">
                <a:solidFill>
                  <a:srgbClr val="303436"/>
                </a:solidFill>
                <a:effectLst/>
                <a:latin typeface="Open Sans" panose="020B0606030504020204" pitchFamily="34" charset="0"/>
              </a:rPr>
              <a:t>setmě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reakc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bud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různá</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Taková</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íst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so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ybaven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tak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reproduktor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teré</a:t>
            </a:r>
            <a:r>
              <a:rPr lang="en-US" b="0" i="0" dirty="0">
                <a:solidFill>
                  <a:srgbClr val="303436"/>
                </a:solidFill>
                <a:effectLst/>
                <a:latin typeface="Open Sans" panose="020B0606030504020204" pitchFamily="34" charset="0"/>
              </a:rPr>
              <a:t> se </a:t>
            </a:r>
            <a:r>
              <a:rPr lang="en-US" b="0" i="0" dirty="0" err="1">
                <a:solidFill>
                  <a:srgbClr val="303436"/>
                </a:solidFill>
                <a:effectLst/>
                <a:latin typeface="Open Sans" panose="020B0606030504020204" pitchFamily="34" charset="0"/>
              </a:rPr>
              <a:t>hod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okud</a:t>
            </a:r>
            <a:r>
              <a:rPr lang="en-US" b="0" i="0" dirty="0">
                <a:solidFill>
                  <a:srgbClr val="303436"/>
                </a:solidFill>
                <a:effectLst/>
                <a:latin typeface="Open Sans" panose="020B0606030504020204" pitchFamily="34" charset="0"/>
              </a:rPr>
              <a:t> do </a:t>
            </a:r>
            <a:r>
              <a:rPr lang="en-US" b="0" i="0" dirty="0" err="1">
                <a:solidFill>
                  <a:srgbClr val="303436"/>
                </a:solidFill>
                <a:effectLst/>
                <a:latin typeface="Open Sans" panose="020B0606030504020204" pitchFamily="34" charset="0"/>
              </a:rPr>
              <a:t>oblast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trhno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andalov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Hlas</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perátora</a:t>
            </a:r>
            <a:r>
              <a:rPr lang="en-US" b="0" i="0" dirty="0">
                <a:solidFill>
                  <a:srgbClr val="303436"/>
                </a:solidFill>
                <a:effectLst/>
                <a:latin typeface="Open Sans" panose="020B0606030504020204" pitchFamily="34" charset="0"/>
              </a:rPr>
              <a:t> je </a:t>
            </a:r>
            <a:r>
              <a:rPr lang="en-US" b="0" i="0" dirty="0" err="1">
                <a:solidFill>
                  <a:srgbClr val="303436"/>
                </a:solidFill>
                <a:effectLst/>
                <a:latin typeface="Open Sans" panose="020B0606030504020204" pitchFamily="34" charset="0"/>
              </a:rPr>
              <a:t>odrazuje</a:t>
            </a:r>
            <a:r>
              <a:rPr lang="en-US" b="0" i="0" dirty="0">
                <a:solidFill>
                  <a:srgbClr val="303436"/>
                </a:solidFill>
                <a:effectLst/>
                <a:latin typeface="Open Sans" panose="020B0606030504020204" pitchFamily="34" charset="0"/>
              </a:rPr>
              <a:t> a </a:t>
            </a:r>
            <a:r>
              <a:rPr lang="en-US" b="0" i="0" dirty="0" err="1">
                <a:solidFill>
                  <a:srgbClr val="303436"/>
                </a:solidFill>
                <a:effectLst/>
                <a:latin typeface="Open Sans" panose="020B0606030504020204" pitchFamily="34" charset="0"/>
              </a:rPr>
              <a:t>víc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než</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čast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tent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zása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tač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ysté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tak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odporuj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říze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oprav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ěstě</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Brány</a:t>
            </a:r>
            <a:r>
              <a:rPr lang="en-US" b="0" i="0" dirty="0">
                <a:solidFill>
                  <a:srgbClr val="303436"/>
                </a:solidFill>
                <a:effectLst/>
                <a:latin typeface="Open Sans" panose="020B0606030504020204" pitchFamily="34" charset="0"/>
              </a:rPr>
              <a:t> LPR (</a:t>
            </a:r>
            <a:r>
              <a:rPr lang="en-US" b="0" i="0" dirty="0" err="1">
                <a:solidFill>
                  <a:srgbClr val="303436"/>
                </a:solidFill>
                <a:effectLst/>
                <a:latin typeface="Open Sans" panose="020B0606030504020204" pitchFamily="34" charset="0"/>
              </a:rPr>
              <a:t>Rozpoznává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registračníc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značek</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ukazuj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tok</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rovozu</a:t>
            </a:r>
            <a:r>
              <a:rPr lang="en-US" b="0" i="0" dirty="0">
                <a:solidFill>
                  <a:srgbClr val="303436"/>
                </a:solidFill>
                <a:effectLst/>
                <a:latin typeface="Open Sans" panose="020B0606030504020204" pitchFamily="34" charset="0"/>
              </a:rPr>
              <a:t> a </a:t>
            </a:r>
            <a:r>
              <a:rPr lang="en-US" b="0" i="0" dirty="0" err="1">
                <a:solidFill>
                  <a:srgbClr val="303436"/>
                </a:solidFill>
                <a:effectLst/>
                <a:latin typeface="Open Sans" panose="020B0606030504020204" pitchFamily="34" charset="0"/>
              </a:rPr>
              <a:t>pomáhaj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dhalovat</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ěc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ak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so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dcizená</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ozidla</a:t>
            </a:r>
            <a:r>
              <a:rPr lang="en-US" b="0" i="0" dirty="0">
                <a:solidFill>
                  <a:srgbClr val="303436"/>
                </a:solidFill>
                <a:effectLst/>
                <a:latin typeface="Open Sans" panose="020B0606030504020204" pitchFamily="34" charset="0"/>
              </a:rPr>
              <a:t>.</a:t>
            </a:r>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t>23</a:t>
            </a:fld>
            <a:endParaRPr lang="en-GB"/>
          </a:p>
        </p:txBody>
      </p:sp>
    </p:spTree>
    <p:extLst>
      <p:ext uri="{BB962C8B-B14F-4D97-AF65-F5344CB8AC3E}">
        <p14:creationId xmlns:p14="http://schemas.microsoft.com/office/powerpoint/2010/main" val="404352622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buFont typeface="Arial" panose="020B0604020202020204" pitchFamily="34" charset="0"/>
              <a:buChar char="•"/>
            </a:pPr>
            <a:r>
              <a:rPr lang="en-US" b="0" i="0" dirty="0" err="1">
                <a:solidFill>
                  <a:srgbClr val="303436"/>
                </a:solidFill>
                <a:effectLst/>
                <a:latin typeface="Open Sans" panose="020B0606030504020204" pitchFamily="34" charset="0"/>
              </a:rPr>
              <a:t>Efektivit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ystém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ISMiA</a:t>
            </a:r>
            <a:r>
              <a:rPr lang="en-US" b="0" i="0" dirty="0">
                <a:solidFill>
                  <a:srgbClr val="303436"/>
                </a:solidFill>
                <a:effectLst/>
                <a:latin typeface="Open Sans" panose="020B0606030504020204" pitchFamily="34" charset="0"/>
              </a:rPr>
              <a:t> se </a:t>
            </a:r>
            <a:r>
              <a:rPr lang="en-US" b="0" i="0" dirty="0" err="1">
                <a:solidFill>
                  <a:srgbClr val="303436"/>
                </a:solidFill>
                <a:effectLst/>
                <a:latin typeface="Open Sans" panose="020B0606030504020204" pitchFamily="34" charset="0"/>
              </a:rPr>
              <a:t>osvědčuje</a:t>
            </a:r>
            <a:r>
              <a:rPr lang="en-US" b="0" i="0" dirty="0">
                <a:solidFill>
                  <a:srgbClr val="303436"/>
                </a:solidFill>
                <a:effectLst/>
                <a:latin typeface="Open Sans" panose="020B0606030504020204" pitchFamily="34" charset="0"/>
              </a:rPr>
              <a:t> v </a:t>
            </a:r>
            <a:r>
              <a:rPr lang="en-US" b="0" i="0" dirty="0" err="1">
                <a:solidFill>
                  <a:srgbClr val="303436"/>
                </a:solidFill>
                <a:effectLst/>
                <a:latin typeface="Open Sans" panose="020B0606030504020204" pitchFamily="34" charset="0"/>
              </a:rPr>
              <a:t>celkové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dhalová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riminality</a:t>
            </a:r>
            <a:r>
              <a:rPr lang="en-US" b="0" i="0" dirty="0">
                <a:solidFill>
                  <a:srgbClr val="303436"/>
                </a:solidFill>
                <a:effectLst/>
                <a:latin typeface="Open Sans" panose="020B0606030504020204" pitchFamily="34" charset="0"/>
              </a:rPr>
              <a:t> v </a:t>
            </a:r>
            <a:r>
              <a:rPr lang="en-US" b="0" i="0" dirty="0" err="1">
                <a:solidFill>
                  <a:srgbClr val="303436"/>
                </a:solidFill>
                <a:effectLst/>
                <a:latin typeface="Open Sans" panose="020B0606030504020204" pitchFamily="34" charset="0"/>
              </a:rPr>
              <a:t>tomt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ěstě</a:t>
            </a:r>
            <a:r>
              <a:rPr lang="en-US" b="0" i="0" dirty="0">
                <a:solidFill>
                  <a:srgbClr val="303436"/>
                </a:solidFill>
                <a:effectLst/>
                <a:latin typeface="Open Sans" panose="020B0606030504020204" pitchFamily="34" charset="0"/>
              </a:rPr>
              <a:t>. Z </a:t>
            </a:r>
            <a:r>
              <a:rPr lang="en-US" b="0" i="0" dirty="0" err="1">
                <a:solidFill>
                  <a:srgbClr val="303436"/>
                </a:solidFill>
                <a:effectLst/>
                <a:latin typeface="Open Sans" panose="020B0606030504020204" pitchFamily="34" charset="0"/>
              </a:rPr>
              <a:t>údajů</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atovick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olici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yplývá</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že</a:t>
            </a:r>
            <a:r>
              <a:rPr lang="en-US" b="0" i="0" dirty="0">
                <a:solidFill>
                  <a:srgbClr val="303436"/>
                </a:solidFill>
                <a:effectLst/>
                <a:latin typeface="Open Sans" panose="020B0606030504020204" pitchFamily="34" charset="0"/>
              </a:rPr>
              <a:t> od </a:t>
            </a:r>
            <a:r>
              <a:rPr lang="en-US" b="0" i="0" dirty="0" err="1">
                <a:solidFill>
                  <a:srgbClr val="303436"/>
                </a:solidFill>
                <a:effectLst/>
                <a:latin typeface="Open Sans" panose="020B0606030504020204" pitchFamily="34" charset="0"/>
              </a:rPr>
              <a:t>roku</a:t>
            </a:r>
            <a:r>
              <a:rPr lang="en-US" b="0" i="0" dirty="0">
                <a:solidFill>
                  <a:srgbClr val="303436"/>
                </a:solidFill>
                <a:effectLst/>
                <a:latin typeface="Open Sans" panose="020B0606030504020204" pitchFamily="34" charset="0"/>
              </a:rPr>
              <a:t> 2017 </a:t>
            </a:r>
            <a:r>
              <a:rPr lang="en-US" b="0" i="0" dirty="0" err="1">
                <a:solidFill>
                  <a:srgbClr val="303436"/>
                </a:solidFill>
                <a:effectLst/>
                <a:latin typeface="Open Sans" panose="020B0606030504020204" pitchFamily="34" charset="0"/>
              </a:rPr>
              <a:t>absolut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očet</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trestnýc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činů</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lesá</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becná</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riminalit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lesla</a:t>
            </a:r>
            <a:r>
              <a:rPr lang="en-US" b="0" i="0" dirty="0">
                <a:solidFill>
                  <a:srgbClr val="303436"/>
                </a:solidFill>
                <a:effectLst/>
                <a:latin typeface="Open Sans" panose="020B0606030504020204" pitchFamily="34" charset="0"/>
              </a:rPr>
              <a:t> o 1/3. </a:t>
            </a:r>
            <a:r>
              <a:rPr lang="en-US" b="0" i="0" dirty="0" err="1">
                <a:solidFill>
                  <a:srgbClr val="303436"/>
                </a:solidFill>
                <a:effectLst/>
                <a:latin typeface="Open Sans" panose="020B0606030504020204" pitchFamily="34" charset="0"/>
              </a:rPr>
              <a:t>Počet</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rádež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aut</a:t>
            </a:r>
            <a:r>
              <a:rPr lang="en-US" b="0" i="0" dirty="0">
                <a:solidFill>
                  <a:srgbClr val="303436"/>
                </a:solidFill>
                <a:effectLst/>
                <a:latin typeface="Open Sans" panose="020B0606030504020204" pitchFamily="34" charset="0"/>
              </a:rPr>
              <a:t> se </a:t>
            </a:r>
            <a:r>
              <a:rPr lang="en-US" b="0" i="0" dirty="0" err="1">
                <a:solidFill>
                  <a:srgbClr val="303436"/>
                </a:solidFill>
                <a:effectLst/>
                <a:latin typeface="Open Sans" panose="020B0606030504020204" pitchFamily="34" charset="0"/>
              </a:rPr>
              <a:t>snížil</a:t>
            </a:r>
            <a:r>
              <a:rPr lang="en-US" b="0" i="0" dirty="0">
                <a:solidFill>
                  <a:srgbClr val="303436"/>
                </a:solidFill>
                <a:effectLst/>
                <a:latin typeface="Open Sans" panose="020B0606030504020204" pitchFamily="34" charset="0"/>
              </a:rPr>
              <a:t> z </a:t>
            </a:r>
            <a:r>
              <a:rPr lang="en-US" b="0" i="0" dirty="0" err="1">
                <a:solidFill>
                  <a:srgbClr val="303436"/>
                </a:solidFill>
                <a:effectLst/>
                <a:latin typeface="Open Sans" panose="020B0606030504020204" pitchFamily="34" charset="0"/>
              </a:rPr>
              <a:t>téměř</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trojnásobku</a:t>
            </a:r>
            <a:r>
              <a:rPr lang="en-US" b="0" i="0" dirty="0">
                <a:solidFill>
                  <a:srgbClr val="303436"/>
                </a:solidFill>
                <a:effectLst/>
                <a:latin typeface="Open Sans" panose="020B0606030504020204" pitchFamily="34" charset="0"/>
              </a:rPr>
              <a:t>. A </a:t>
            </a:r>
            <a:r>
              <a:rPr lang="en-US" b="0" i="0" dirty="0" err="1">
                <a:solidFill>
                  <a:srgbClr val="303436"/>
                </a:solidFill>
                <a:effectLst/>
                <a:latin typeface="Open Sans" panose="020B0606030504020204" pitchFamily="34" charset="0"/>
              </a:rPr>
              <a:t>násilný</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trestný</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čin</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lesl</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vakrát</a:t>
            </a:r>
            <a:r>
              <a:rPr lang="en-US" b="0" i="0" dirty="0">
                <a:solidFill>
                  <a:srgbClr val="303436"/>
                </a:solidFill>
                <a:effectLst/>
                <a:latin typeface="Open Sans" panose="020B0606030504020204" pitchFamily="34" charset="0"/>
              </a:rPr>
              <a:t>.</a:t>
            </a:r>
          </a:p>
          <a:p>
            <a:pPr algn="l">
              <a:buFont typeface="Arial" panose="020B0604020202020204" pitchFamily="34" charset="0"/>
              <a:buChar char="•"/>
            </a:pPr>
            <a:endParaRPr lang="en-US" b="0" i="0" dirty="0">
              <a:solidFill>
                <a:srgbClr val="303436"/>
              </a:solidFill>
              <a:effectLst/>
              <a:latin typeface="Open Sans" panose="020B0606030504020204" pitchFamily="34" charset="0"/>
            </a:endParaRPr>
          </a:p>
          <a:p>
            <a:pPr algn="l">
              <a:buFont typeface="Arial" panose="020B0604020202020204" pitchFamily="34" charset="0"/>
              <a:buChar char="•"/>
            </a:pPr>
            <a:r>
              <a:rPr lang="en-US" b="0" i="0" dirty="0">
                <a:solidFill>
                  <a:srgbClr val="303436"/>
                </a:solidFill>
                <a:effectLst/>
                <a:latin typeface="Open Sans" panose="020B0606030504020204" pitchFamily="34" charset="0"/>
              </a:rPr>
              <a:t>V </a:t>
            </a:r>
            <a:r>
              <a:rPr lang="en-US" b="0" i="0" dirty="0" err="1">
                <a:solidFill>
                  <a:srgbClr val="303436"/>
                </a:solidFill>
                <a:effectLst/>
                <a:latin typeface="Open Sans" panose="020B0606030504020204" pitchFamily="34" charset="0"/>
              </a:rPr>
              <a:t>roce</a:t>
            </a:r>
            <a:r>
              <a:rPr lang="en-US" b="0" i="0" dirty="0">
                <a:solidFill>
                  <a:srgbClr val="303436"/>
                </a:solidFill>
                <a:effectLst/>
                <a:latin typeface="Open Sans" panose="020B0606030504020204" pitchFamily="34" charset="0"/>
              </a:rPr>
              <a:t> 2019 </a:t>
            </a:r>
            <a:r>
              <a:rPr lang="en-US" b="0" i="0" dirty="0" err="1">
                <a:solidFill>
                  <a:srgbClr val="303436"/>
                </a:solidFill>
                <a:effectLst/>
                <a:latin typeface="Open Sans" panose="020B0606030504020204" pitchFamily="34" charset="0"/>
              </a:rPr>
              <a:t>dosáhl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celková</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bjasněnost</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riminality</a:t>
            </a:r>
            <a:r>
              <a:rPr lang="en-US" b="0" i="0" dirty="0">
                <a:solidFill>
                  <a:srgbClr val="303436"/>
                </a:solidFill>
                <a:effectLst/>
                <a:latin typeface="Open Sans" panose="020B0606030504020204" pitchFamily="34" charset="0"/>
              </a:rPr>
              <a:t> 67,4 %.</a:t>
            </a:r>
          </a:p>
          <a:p>
            <a:pPr algn="l">
              <a:buFont typeface="Arial" panose="020B0604020202020204" pitchFamily="34" charset="0"/>
              <a:buChar char="•"/>
            </a:pPr>
            <a:endParaRPr lang="en-US" b="0" i="0" dirty="0">
              <a:solidFill>
                <a:srgbClr val="303436"/>
              </a:solidFill>
              <a:effectLst/>
              <a:latin typeface="Open Sans" panose="020B0606030504020204" pitchFamily="34" charset="0"/>
            </a:endParaRPr>
          </a:p>
          <a:p>
            <a:pPr algn="l">
              <a:buFont typeface="Arial" panose="020B0604020202020204" pitchFamily="34" charset="0"/>
              <a:buChar char="•"/>
            </a:pPr>
            <a:endParaRPr lang="en-US" b="0" i="0" dirty="0">
              <a:solidFill>
                <a:srgbClr val="303436"/>
              </a:solidFill>
              <a:effectLst/>
              <a:latin typeface="Open Sans" panose="020B0606030504020204" pitchFamily="34" charset="0"/>
            </a:endParaRPr>
          </a:p>
          <a:p>
            <a:pPr algn="l">
              <a:buFont typeface="Arial" panose="020B0604020202020204" pitchFamily="34" charset="0"/>
              <a:buChar char="•"/>
            </a:pPr>
            <a:endParaRPr lang="en-US" b="0" i="0" dirty="0">
              <a:solidFill>
                <a:srgbClr val="303436"/>
              </a:solidFill>
              <a:effectLst/>
              <a:latin typeface="Open Sans" panose="020B0606030504020204" pitchFamily="34" charset="0"/>
            </a:endParaRPr>
          </a:p>
          <a:p>
            <a:pPr algn="l">
              <a:buFont typeface="Arial" panose="020B0604020202020204" pitchFamily="34" charset="0"/>
              <a:buChar char="•"/>
            </a:pPr>
            <a:r>
              <a:rPr lang="en-US" b="0" i="0" dirty="0">
                <a:solidFill>
                  <a:srgbClr val="303436"/>
                </a:solidFill>
                <a:effectLst/>
                <a:latin typeface="Open Sans" panose="020B0606030504020204" pitchFamily="34" charset="0"/>
              </a:rPr>
              <a:t>Video je </a:t>
            </a:r>
            <a:r>
              <a:rPr lang="en-US" b="0" i="0" dirty="0" err="1">
                <a:solidFill>
                  <a:srgbClr val="303436"/>
                </a:solidFill>
                <a:effectLst/>
                <a:latin typeface="Open Sans" panose="020B0606030504020204" pitchFamily="34" charset="0"/>
              </a:rPr>
              <a:t>široc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onzultováno</a:t>
            </a:r>
            <a:r>
              <a:rPr lang="en-US" b="0" i="0" dirty="0">
                <a:solidFill>
                  <a:srgbClr val="303436"/>
                </a:solidFill>
                <a:effectLst/>
                <a:latin typeface="Open Sans" panose="020B0606030504020204" pitchFamily="34" charset="0"/>
              </a:rPr>
              <a:t> a </a:t>
            </a:r>
            <a:r>
              <a:rPr lang="en-US" b="0" i="0" dirty="0" err="1">
                <a:solidFill>
                  <a:srgbClr val="303436"/>
                </a:solidFill>
                <a:effectLst/>
                <a:latin typeface="Open Sans" panose="020B0606030504020204" pitchFamily="34" charset="0"/>
              </a:rPr>
              <a:t>dá</a:t>
            </a:r>
            <a:r>
              <a:rPr lang="en-US" b="0" i="0" dirty="0">
                <a:solidFill>
                  <a:srgbClr val="303436"/>
                </a:solidFill>
                <a:effectLst/>
                <a:latin typeface="Open Sans" panose="020B0606030504020204" pitchFamily="34" charset="0"/>
              </a:rPr>
              <a:t> se </a:t>
            </a:r>
            <a:r>
              <a:rPr lang="en-US" b="0" i="0" dirty="0" err="1">
                <a:solidFill>
                  <a:srgbClr val="303436"/>
                </a:solidFill>
                <a:effectLst/>
                <a:latin typeface="Open Sans" panose="020B0606030504020204" pitchFamily="34" charset="0"/>
              </a:rPr>
              <a:t>dokonc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říc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ž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á</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reventiv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roli</a:t>
            </a:r>
            <a:r>
              <a:rPr lang="en-US" b="0" i="0" dirty="0">
                <a:solidFill>
                  <a:srgbClr val="303436"/>
                </a:solidFill>
                <a:effectLst/>
                <a:latin typeface="Open Sans" panose="020B0606030504020204" pitchFamily="34" charset="0"/>
              </a:rPr>
              <a:t> v </a:t>
            </a:r>
            <a:r>
              <a:rPr lang="en-US" b="0" i="0" dirty="0" err="1">
                <a:solidFill>
                  <a:srgbClr val="303436"/>
                </a:solidFill>
                <a:effectLst/>
                <a:latin typeface="Open Sans" panose="020B0606030504020204" pitchFamily="34" charset="0"/>
              </a:rPr>
              <a:t>chová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bčanů</a:t>
            </a:r>
            <a:r>
              <a:rPr lang="en-US" b="0" i="0" dirty="0">
                <a:solidFill>
                  <a:srgbClr val="303436"/>
                </a:solidFill>
                <a:effectLst/>
                <a:latin typeface="Open Sans" panose="020B0606030504020204" pitchFamily="34" charset="0"/>
              </a:rPr>
              <a:t>.</a:t>
            </a:r>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t>24</a:t>
            </a:fld>
            <a:endParaRPr lang="en-GB"/>
          </a:p>
        </p:txBody>
      </p:sp>
    </p:spTree>
    <p:extLst>
      <p:ext uri="{BB962C8B-B14F-4D97-AF65-F5344CB8AC3E}">
        <p14:creationId xmlns:p14="http://schemas.microsoft.com/office/powerpoint/2010/main" val="276140727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o, let’s see now what people who use this system everyday say about this project… </a:t>
            </a:r>
          </a:p>
        </p:txBody>
      </p:sp>
      <p:sp>
        <p:nvSpPr>
          <p:cNvPr id="4" name="Slide Number Placeholder 3"/>
          <p:cNvSpPr>
            <a:spLocks noGrp="1"/>
          </p:cNvSpPr>
          <p:nvPr>
            <p:ph type="sldNum" sz="quarter" idx="5"/>
          </p:nvPr>
        </p:nvSpPr>
        <p:spPr/>
        <p:txBody>
          <a:bodyPr/>
          <a:lstStyle/>
          <a:p>
            <a:fld id="{A16CFAD1-D197-4A88-B173-A6412E995EE5}" type="slidenum">
              <a:rPr lang="en-GB" smtClean="0"/>
              <a:t>25</a:t>
            </a:fld>
            <a:endParaRPr lang="en-GB"/>
          </a:p>
        </p:txBody>
      </p:sp>
    </p:spTree>
    <p:extLst>
      <p:ext uri="{BB962C8B-B14F-4D97-AF65-F5344CB8AC3E}">
        <p14:creationId xmlns:p14="http://schemas.microsoft.com/office/powerpoint/2010/main" val="303859810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0" i="0" dirty="0" err="1">
                <a:solidFill>
                  <a:srgbClr val="303436"/>
                </a:solidFill>
                <a:effectLst/>
                <a:latin typeface="Open Sans" panose="020B0606030504020204" pitchFamily="34" charset="0"/>
              </a:rPr>
              <a:t>Občan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tohot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hlavníh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ěst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lezsk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ny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ožaduj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onitorování</a:t>
            </a:r>
            <a:r>
              <a:rPr lang="en-US" b="0" i="0" dirty="0">
                <a:solidFill>
                  <a:srgbClr val="303436"/>
                </a:solidFill>
                <a:effectLst/>
                <a:latin typeface="Open Sans" panose="020B0606030504020204" pitchFamily="34" charset="0"/>
              </a:rPr>
              <a:t> a </a:t>
            </a:r>
            <a:r>
              <a:rPr lang="en-US" b="0" i="0" dirty="0" err="1">
                <a:solidFill>
                  <a:srgbClr val="303436"/>
                </a:solidFill>
                <a:effectLst/>
                <a:latin typeface="Open Sans" panose="020B0606030504020204" pitchFamily="34" charset="0"/>
              </a:rPr>
              <a:t>mnoh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lid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odává</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n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radnic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žádosti</a:t>
            </a:r>
            <a:r>
              <a:rPr lang="en-US" b="0" i="0" dirty="0">
                <a:solidFill>
                  <a:srgbClr val="303436"/>
                </a:solidFill>
                <a:effectLst/>
                <a:latin typeface="Open Sans" panose="020B0606030504020204" pitchFamily="34" charset="0"/>
              </a:rPr>
              <a:t> o </a:t>
            </a:r>
            <a:r>
              <a:rPr lang="en-US" b="0" i="0" dirty="0" err="1">
                <a:solidFill>
                  <a:srgbClr val="303436"/>
                </a:solidFill>
                <a:effectLst/>
                <a:latin typeface="Open Sans" panose="020B0606030504020204" pitchFamily="34" charset="0"/>
              </a:rPr>
              <a:t>ještě</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íc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amer</a:t>
            </a:r>
            <a:r>
              <a:rPr lang="en-US" b="0" i="0" dirty="0">
                <a:solidFill>
                  <a:srgbClr val="303436"/>
                </a:solidFill>
                <a:effectLst/>
                <a:latin typeface="Open Sans" panose="020B0606030504020204" pitchFamily="34" charset="0"/>
              </a:rPr>
              <a:t>. To </a:t>
            </a:r>
            <a:r>
              <a:rPr lang="en-US" b="0" i="0" dirty="0" err="1">
                <a:solidFill>
                  <a:srgbClr val="303436"/>
                </a:solidFill>
                <a:effectLst/>
                <a:latin typeface="Open Sans" panose="020B0606030504020204" pitchFamily="34" charset="0"/>
              </a:rPr>
              <a:t>zdůrazňuje</a:t>
            </a:r>
            <a:r>
              <a:rPr lang="en-US" b="0" i="0" dirty="0">
                <a:solidFill>
                  <a:srgbClr val="303436"/>
                </a:solidFill>
                <a:effectLst/>
                <a:latin typeface="Open Sans" panose="020B0606030504020204" pitchFamily="34" charset="0"/>
              </a:rPr>
              <a:t>, jak </a:t>
            </a:r>
            <a:r>
              <a:rPr lang="en-US" b="0" i="0" dirty="0" err="1">
                <a:solidFill>
                  <a:srgbClr val="303436"/>
                </a:solidFill>
                <a:effectLst/>
                <a:latin typeface="Open Sans" panose="020B0606030504020204" pitchFamily="34" charset="0"/>
              </a:rPr>
              <a:t>systé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ává</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lide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říležitost</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žít</a:t>
            </a:r>
            <a:r>
              <a:rPr lang="en-US" b="0" i="0" dirty="0">
                <a:solidFill>
                  <a:srgbClr val="303436"/>
                </a:solidFill>
                <a:effectLst/>
                <a:latin typeface="Open Sans" panose="020B0606030504020204" pitchFamily="34" charset="0"/>
              </a:rPr>
              <a:t> v </a:t>
            </a:r>
            <a:r>
              <a:rPr lang="en-US" b="0" i="0" dirty="0" err="1">
                <a:solidFill>
                  <a:srgbClr val="303436"/>
                </a:solidFill>
                <a:effectLst/>
                <a:latin typeface="Open Sans" panose="020B0606030504020204" pitchFamily="34" charset="0"/>
              </a:rPr>
              <a:t>chytré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ěstě</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budoucnost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iž</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nes</a:t>
            </a:r>
            <a:r>
              <a:rPr lang="en-US" b="0" i="0" dirty="0">
                <a:solidFill>
                  <a:srgbClr val="303436"/>
                </a:solidFill>
                <a:effectLst/>
                <a:latin typeface="Open Sans" panose="020B0606030504020204" pitchFamily="34" charset="0"/>
              </a:rPr>
              <a:t>.</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i="0" dirty="0">
              <a:solidFill>
                <a:srgbClr val="303436"/>
              </a:solidFill>
              <a:effectLst/>
              <a:latin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i="0" dirty="0">
              <a:solidFill>
                <a:srgbClr val="303436"/>
              </a:solidFill>
              <a:effectLst/>
              <a:latin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b="0" i="0" dirty="0" err="1">
                <a:solidFill>
                  <a:srgbClr val="303436"/>
                </a:solidFill>
                <a:effectLst/>
                <a:latin typeface="Open Sans" panose="020B0606030504020204" pitchFamily="34" charset="0"/>
              </a:rPr>
              <a:t>Všichn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st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as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lyšel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ž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iž</a:t>
            </a:r>
            <a:r>
              <a:rPr lang="en-US" b="0" i="0" dirty="0">
                <a:solidFill>
                  <a:srgbClr val="303436"/>
                </a:solidFill>
                <a:effectLst/>
                <a:latin typeface="Open Sans" panose="020B0606030504020204" pitchFamily="34" charset="0"/>
              </a:rPr>
              <a:t> za </a:t>
            </a:r>
            <a:r>
              <a:rPr lang="en-US" b="0" i="0" dirty="0" err="1">
                <a:solidFill>
                  <a:srgbClr val="303436"/>
                </a:solidFill>
                <a:effectLst/>
                <a:latin typeface="Open Sans" panose="020B0606030504020204" pitchFamily="34" charset="0"/>
              </a:rPr>
              <a:t>dv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ny</a:t>
            </a:r>
            <a:r>
              <a:rPr lang="en-US" b="0" i="0" dirty="0">
                <a:solidFill>
                  <a:srgbClr val="303436"/>
                </a:solidFill>
                <a:effectLst/>
                <a:latin typeface="Open Sans" panose="020B0606030504020204" pitchFamily="34" charset="0"/>
              </a:rPr>
              <a:t>, 9. </a:t>
            </a:r>
            <a:r>
              <a:rPr lang="en-US" b="0" i="0" dirty="0" err="1">
                <a:solidFill>
                  <a:srgbClr val="303436"/>
                </a:solidFill>
                <a:effectLst/>
                <a:latin typeface="Open Sans" panose="020B0606030504020204" pitchFamily="34" charset="0"/>
              </a:rPr>
              <a:t>červn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polupořádám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polečně</a:t>
            </a:r>
            <a:r>
              <a:rPr lang="en-US" b="0" i="0" dirty="0">
                <a:solidFill>
                  <a:srgbClr val="303436"/>
                </a:solidFill>
                <a:effectLst/>
                <a:latin typeface="Open Sans" panose="020B0606030504020204" pitchFamily="34" charset="0"/>
              </a:rPr>
              <a:t> s </a:t>
            </a:r>
            <a:r>
              <a:rPr lang="en-US" b="0" i="0" dirty="0" err="1">
                <a:solidFill>
                  <a:srgbClr val="303436"/>
                </a:solidFill>
                <a:effectLst/>
                <a:latin typeface="Open Sans" panose="020B0606030504020204" pitchFamily="34" charset="0"/>
              </a:rPr>
              <a:t>Magistráte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atovic</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onferenci</a:t>
            </a:r>
            <a:r>
              <a:rPr lang="en-US" b="0" i="0" dirty="0">
                <a:solidFill>
                  <a:srgbClr val="303436"/>
                </a:solidFill>
                <a:effectLst/>
                <a:latin typeface="Open Sans" panose="020B0606030504020204" pitchFamily="34" charset="0"/>
              </a:rPr>
              <a:t> Smart City. </a:t>
            </a:r>
            <a:r>
              <a:rPr lang="en-US" b="0" i="0" dirty="0" err="1">
                <a:solidFill>
                  <a:srgbClr val="303436"/>
                </a:solidFill>
                <a:effectLst/>
                <a:latin typeface="Open Sans" panose="020B0606030504020204" pitchFamily="34" charset="0"/>
              </a:rPr>
              <a:t>Zaměřuje</a:t>
            </a:r>
            <a:r>
              <a:rPr lang="en-US" b="0" i="0" dirty="0">
                <a:solidFill>
                  <a:srgbClr val="303436"/>
                </a:solidFill>
                <a:effectLst/>
                <a:latin typeface="Open Sans" panose="020B0606030504020204" pitchFamily="34" charset="0"/>
              </a:rPr>
              <a:t> se </a:t>
            </a:r>
            <a:r>
              <a:rPr lang="en-US" b="0" i="0" dirty="0" err="1">
                <a:solidFill>
                  <a:srgbClr val="303436"/>
                </a:solidFill>
                <a:effectLst/>
                <a:latin typeface="Open Sans" panose="020B0606030504020204" pitchFamily="34" charset="0"/>
              </a:rPr>
              <a:t>na</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koncov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uživatel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ak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sou</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alš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íst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olsk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bc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obec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olicie</a:t>
            </a:r>
            <a:r>
              <a:rPr lang="en-US" b="0" i="0" dirty="0">
                <a:solidFill>
                  <a:srgbClr val="303436"/>
                </a:solidFill>
                <a:effectLst/>
                <a:latin typeface="Open Sans" panose="020B0606030504020204" pitchFamily="34" charset="0"/>
              </a:rPr>
              <a:t> a </a:t>
            </a:r>
            <a:r>
              <a:rPr lang="en-US" b="0" i="0" dirty="0" err="1">
                <a:solidFill>
                  <a:srgbClr val="303436"/>
                </a:solidFill>
                <a:effectLst/>
                <a:latin typeface="Open Sans" panose="020B0606030504020204" pitchFamily="34" charset="0"/>
              </a:rPr>
              <a:t>podobn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lád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instituc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Budem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tak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hostit</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některé</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ezinárodn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delegace</a:t>
            </a:r>
            <a:r>
              <a:rPr lang="en-US" b="0" i="0" dirty="0">
                <a:solidFill>
                  <a:srgbClr val="303436"/>
                </a:solidFill>
                <a:effectLst/>
                <a:latin typeface="Open Sans" panose="020B0606030504020204" pitchFamily="34" charset="0"/>
              </a:rPr>
              <a:t> z </a:t>
            </a:r>
            <a:r>
              <a:rPr lang="en-US" b="0" i="0" dirty="0" err="1">
                <a:solidFill>
                  <a:srgbClr val="303436"/>
                </a:solidFill>
                <a:effectLst/>
                <a:latin typeface="Open Sans" panose="020B0606030504020204" pitchFamily="34" charset="0"/>
              </a:rPr>
              <a:t>Gruzi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Ukrajiny</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atd</a:t>
            </a:r>
            <a:r>
              <a:rPr lang="en-US" b="0" i="0" dirty="0">
                <a:solidFill>
                  <a:srgbClr val="303436"/>
                </a:solidFill>
                <a:effectLst/>
                <a:latin typeface="Open Sans" panose="020B0606030504020204" pitchFamily="34" charset="0"/>
              </a:rPr>
              <a:t>.</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i="0" dirty="0">
              <a:solidFill>
                <a:srgbClr val="303436"/>
              </a:solidFill>
              <a:effectLst/>
              <a:latin typeface="Open Sans" panose="020B0606030504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b="0" i="0" dirty="0">
                <a:solidFill>
                  <a:srgbClr val="303436"/>
                </a:solidFill>
                <a:effectLst/>
                <a:latin typeface="Open Sans" panose="020B0606030504020204" pitchFamily="34" charset="0"/>
              </a:rPr>
              <a:t>A </a:t>
            </a:r>
            <a:r>
              <a:rPr lang="en-US" b="0" i="0" dirty="0" err="1">
                <a:solidFill>
                  <a:srgbClr val="303436"/>
                </a:solidFill>
                <a:effectLst/>
                <a:latin typeface="Open Sans" panose="020B0606030504020204" pitchFamily="34" charset="0"/>
              </a:rPr>
              <a:t>můžet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jasně</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říci</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že</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olsko</a:t>
            </a:r>
            <a:r>
              <a:rPr lang="en-US" b="0" i="0" dirty="0">
                <a:solidFill>
                  <a:srgbClr val="303436"/>
                </a:solidFill>
                <a:effectLst/>
                <a:latin typeface="Open Sans" panose="020B0606030504020204" pitchFamily="34" charset="0"/>
              </a:rPr>
              <a:t> a </a:t>
            </a:r>
            <a:r>
              <a:rPr lang="en-US" b="0" i="0" dirty="0" err="1">
                <a:solidFill>
                  <a:srgbClr val="303436"/>
                </a:solidFill>
                <a:effectLst/>
                <a:latin typeface="Open Sans" panose="020B0606030504020204" pitchFamily="34" charset="0"/>
              </a:rPr>
              <a:t>Poláci</a:t>
            </a:r>
            <a:r>
              <a:rPr lang="en-US" b="0" i="0" dirty="0">
                <a:solidFill>
                  <a:srgbClr val="303436"/>
                </a:solidFill>
                <a:effectLst/>
                <a:latin typeface="Open Sans" panose="020B0606030504020204" pitchFamily="34" charset="0"/>
              </a:rPr>
              <a:t> s </a:t>
            </a:r>
            <a:r>
              <a:rPr lang="en-US" b="0" i="0" dirty="0" err="1">
                <a:solidFill>
                  <a:srgbClr val="303436"/>
                </a:solidFill>
                <a:effectLst/>
                <a:latin typeface="Open Sans" panose="020B0606030504020204" pitchFamily="34" charset="0"/>
              </a:rPr>
              <a:t>progresivní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yšlení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staví</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vaši</a:t>
            </a:r>
            <a:r>
              <a:rPr lang="en-US" b="0" i="0" dirty="0">
                <a:solidFill>
                  <a:srgbClr val="303436"/>
                </a:solidFill>
                <a:effectLst/>
                <a:latin typeface="Open Sans" panose="020B0606030504020204" pitchFamily="34" charset="0"/>
              </a:rPr>
              <a:t> zemi </a:t>
            </a:r>
            <a:r>
              <a:rPr lang="en-US" b="0" i="0" dirty="0" err="1">
                <a:solidFill>
                  <a:srgbClr val="303436"/>
                </a:solidFill>
                <a:effectLst/>
                <a:latin typeface="Open Sans" panose="020B0606030504020204" pitchFamily="34" charset="0"/>
              </a:rPr>
              <a:t>jako</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lídra</a:t>
            </a:r>
            <a:r>
              <a:rPr lang="en-US" b="0" i="0" dirty="0">
                <a:solidFill>
                  <a:srgbClr val="303436"/>
                </a:solidFill>
                <a:effectLst/>
                <a:latin typeface="Open Sans" panose="020B0606030504020204" pitchFamily="34" charset="0"/>
              </a:rPr>
              <a:t> v </a:t>
            </a:r>
            <a:r>
              <a:rPr lang="en-US" b="0" i="0" dirty="0" err="1">
                <a:solidFill>
                  <a:srgbClr val="303436"/>
                </a:solidFill>
                <a:effectLst/>
                <a:latin typeface="Open Sans" panose="020B0606030504020204" pitchFamily="34" charset="0"/>
              </a:rPr>
              <a:t>takovýc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projektec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chytrých</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měst</a:t>
            </a:r>
            <a:r>
              <a:rPr lang="en-US" b="0" i="0" dirty="0">
                <a:solidFill>
                  <a:srgbClr val="303436"/>
                </a:solidFill>
                <a:effectLst/>
                <a:latin typeface="Open Sans" panose="020B0606030504020204" pitchFamily="34" charset="0"/>
              </a:rPr>
              <a:t> v </a:t>
            </a:r>
            <a:r>
              <a:rPr lang="en-US" b="0" i="0" dirty="0" err="1">
                <a:solidFill>
                  <a:srgbClr val="303436"/>
                </a:solidFill>
                <a:effectLst/>
                <a:latin typeface="Open Sans" panose="020B0606030504020204" pitchFamily="34" charset="0"/>
              </a:rPr>
              <a:t>celém</a:t>
            </a:r>
            <a:r>
              <a:rPr lang="en-US" b="0" i="0" dirty="0">
                <a:solidFill>
                  <a:srgbClr val="303436"/>
                </a:solidFill>
                <a:effectLst/>
                <a:latin typeface="Open Sans" panose="020B0606030504020204" pitchFamily="34" charset="0"/>
              </a:rPr>
              <a:t> </a:t>
            </a:r>
            <a:r>
              <a:rPr lang="en-US" b="0" i="0" dirty="0" err="1">
                <a:solidFill>
                  <a:srgbClr val="303436"/>
                </a:solidFill>
                <a:effectLst/>
                <a:latin typeface="Open Sans" panose="020B0606030504020204" pitchFamily="34" charset="0"/>
              </a:rPr>
              <a:t>regionu</a:t>
            </a:r>
            <a:r>
              <a:rPr lang="en-US" b="0" i="0" dirty="0">
                <a:solidFill>
                  <a:srgbClr val="303436"/>
                </a:solidFill>
                <a:effectLst/>
                <a:latin typeface="Open Sans" panose="020B0606030504020204" pitchFamily="34" charset="0"/>
              </a:rPr>
              <a:t>.</a:t>
            </a:r>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t>26</a:t>
            </a:fld>
            <a:endParaRPr lang="en-GB"/>
          </a:p>
        </p:txBody>
      </p:sp>
    </p:spTree>
    <p:extLst>
      <p:ext uri="{BB962C8B-B14F-4D97-AF65-F5344CB8AC3E}">
        <p14:creationId xmlns:p14="http://schemas.microsoft.com/office/powerpoint/2010/main" val="1641601107"/>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t>27</a:t>
            </a:fld>
            <a:endParaRPr lang="en-GB"/>
          </a:p>
        </p:txBody>
      </p:sp>
    </p:spTree>
    <p:extLst>
      <p:ext uri="{BB962C8B-B14F-4D97-AF65-F5344CB8AC3E}">
        <p14:creationId xmlns:p14="http://schemas.microsoft.com/office/powerpoint/2010/main" val="384077828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a:endParaRPr lang="en-US" sz="1800" b="0" i="0" u="none" strike="noStrike" baseline="0" dirty="0">
              <a:solidFill>
                <a:srgbClr val="FFFFFF"/>
              </a:solidFill>
              <a:latin typeface="OpenSans-Bold"/>
            </a:endParaRPr>
          </a:p>
          <a:p>
            <a:pPr>
              <a:lnSpc>
                <a:spcPct val="107000"/>
              </a:lnSpc>
              <a:spcAft>
                <a:spcPts val="800"/>
              </a:spcAft>
            </a:pP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nes</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j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celé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větě</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instalován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řibližně</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1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iliard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amer</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ískaná</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dat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so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pr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st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bzvláště</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eocenitelná</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us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t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šak</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ý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dílen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ktivu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ter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umož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ezpečnostní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perátorů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úřadů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stský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amosprává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úspěšně</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řeši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stsk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ýzv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ejen</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reagova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incident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trendy, al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ak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j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ředvída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ředcháze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i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da-DK" b="0" dirty="0"/>
          </a:p>
        </p:txBody>
      </p:sp>
      <p:sp>
        <p:nvSpPr>
          <p:cNvPr id="4" name="Slide Number Placeholder 3"/>
          <p:cNvSpPr>
            <a:spLocks noGrp="1"/>
          </p:cNvSpPr>
          <p:nvPr>
            <p:ph type="sldNum" sz="quarter" idx="5"/>
          </p:nvPr>
        </p:nvSpPr>
        <p:spPr/>
        <p:txBody>
          <a:bodyPr/>
          <a:lstStyle/>
          <a:p>
            <a:fld id="{A16CFAD1-D197-4A88-B173-A6412E995EE5}" type="slidenum">
              <a:rPr lang="en-GB" smtClean="0"/>
              <a:t>3</a:t>
            </a:fld>
            <a:endParaRPr lang="en-GB"/>
          </a:p>
        </p:txBody>
      </p:sp>
    </p:spTree>
    <p:extLst>
      <p:ext uri="{BB962C8B-B14F-4D97-AF65-F5344CB8AC3E}">
        <p14:creationId xmlns:p14="http://schemas.microsoft.com/office/powerpoint/2010/main" val="349473723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rojektech</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Smart City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lz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řad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roblémů</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yřeši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moc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vide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echnologi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řízen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at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d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jdet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říklad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toho, c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oho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vide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echnologi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uděla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pr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st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onitorová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nalýz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oprav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ontrol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nečiště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revenc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riminalit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ongesc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říze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av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lánová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ptimalizac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ras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reakc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imořádn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událost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noh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alších</a:t>
            </a:r>
            <a:endParaRPr lang="da-DK" b="0" dirty="0"/>
          </a:p>
        </p:txBody>
      </p:sp>
      <p:sp>
        <p:nvSpPr>
          <p:cNvPr id="4" name="Slide Number Placeholder 3"/>
          <p:cNvSpPr>
            <a:spLocks noGrp="1"/>
          </p:cNvSpPr>
          <p:nvPr>
            <p:ph type="sldNum" sz="quarter" idx="5"/>
          </p:nvPr>
        </p:nvSpPr>
        <p:spPr/>
        <p:txBody>
          <a:bodyPr/>
          <a:lstStyle/>
          <a:p>
            <a:fld id="{A16CFAD1-D197-4A88-B173-A6412E995EE5}" type="slidenum">
              <a:rPr lang="en-GB" smtClean="0"/>
              <a:t>4</a:t>
            </a:fld>
            <a:endParaRPr lang="en-GB"/>
          </a:p>
        </p:txBody>
      </p:sp>
    </p:spTree>
    <p:extLst>
      <p:ext uri="{BB962C8B-B14F-4D97-AF65-F5344CB8AC3E}">
        <p14:creationId xmlns:p14="http://schemas.microsoft.com/office/powerpoint/2010/main" val="218526062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ide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řeše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lepšuj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aždoden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rovoz</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ýhod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ytvořen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centralizovaným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ropojeným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řešením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ideotechnologi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umožňuj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stů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tá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s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chytřejším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st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terá</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ybudoval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latform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pr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ideomonitoring</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s Mileston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hlás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éně</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restných</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činů</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rychlejš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reakc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imořádn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událost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oneckonců</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se t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řím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dráž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v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čt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achráněných</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životů</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5</a:t>
            </a:fld>
            <a:endParaRPr lang="en-GB"/>
          </a:p>
        </p:txBody>
      </p:sp>
    </p:spTree>
    <p:extLst>
      <p:ext uri="{BB962C8B-B14F-4D97-AF65-F5344CB8AC3E}">
        <p14:creationId xmlns:p14="http://schemas.microsoft.com/office/powerpoint/2010/main" val="88979138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 </a:t>
            </a:r>
            <a:r>
              <a:rPr lang="en-US" dirty="0" err="1"/>
              <a:t>zde</a:t>
            </a:r>
            <a:r>
              <a:rPr lang="en-US" dirty="0"/>
              <a:t> je </a:t>
            </a:r>
            <a:r>
              <a:rPr lang="en-US" dirty="0" err="1"/>
              <a:t>snímek</a:t>
            </a:r>
            <a:r>
              <a:rPr lang="en-US" dirty="0"/>
              <a:t> </a:t>
            </a:r>
            <a:r>
              <a:rPr lang="en-US" dirty="0" err="1"/>
              <a:t>Tipy</a:t>
            </a:r>
            <a:r>
              <a:rPr lang="en-US" dirty="0"/>
              <a:t> a </a:t>
            </a:r>
            <a:r>
              <a:rPr lang="en-US" dirty="0" err="1"/>
              <a:t>triky</a:t>
            </a:r>
            <a:r>
              <a:rPr lang="en-US" dirty="0"/>
              <a:t> pro </a:t>
            </a:r>
            <a:r>
              <a:rPr lang="en-US" dirty="0" err="1"/>
              <a:t>vašeho</a:t>
            </a:r>
            <a:r>
              <a:rPr lang="en-US" dirty="0"/>
              <a:t> </a:t>
            </a:r>
            <a:r>
              <a:rPr lang="en-US" dirty="0" err="1"/>
              <a:t>zákazníka</a:t>
            </a:r>
            <a:r>
              <a:rPr lang="en-US" dirty="0"/>
              <a:t>, </a:t>
            </a:r>
            <a:r>
              <a:rPr lang="en-US" dirty="0" err="1"/>
              <a:t>když</a:t>
            </a:r>
            <a:r>
              <a:rPr lang="en-US" dirty="0"/>
              <a:t> </a:t>
            </a:r>
            <a:r>
              <a:rPr lang="en-US" dirty="0" err="1"/>
              <a:t>představíte</a:t>
            </a:r>
            <a:r>
              <a:rPr lang="en-US" dirty="0"/>
              <a:t> Milestone </a:t>
            </a:r>
            <a:r>
              <a:rPr lang="en-US" dirty="0" err="1"/>
              <a:t>jako</a:t>
            </a:r>
            <a:r>
              <a:rPr lang="en-US" dirty="0"/>
              <a:t> </a:t>
            </a:r>
            <a:r>
              <a:rPr lang="en-US" dirty="0" err="1"/>
              <a:t>nejlepší</a:t>
            </a:r>
            <a:r>
              <a:rPr lang="en-US" dirty="0"/>
              <a:t> </a:t>
            </a:r>
            <a:r>
              <a:rPr lang="en-US" dirty="0" err="1"/>
              <a:t>volbu</a:t>
            </a:r>
            <a:r>
              <a:rPr lang="en-US" dirty="0"/>
              <a:t> pro </a:t>
            </a:r>
            <a:r>
              <a:rPr lang="en-US" dirty="0" err="1"/>
              <a:t>váš</a:t>
            </a:r>
            <a:r>
              <a:rPr lang="en-US" dirty="0"/>
              <a:t> </a:t>
            </a:r>
            <a:r>
              <a:rPr lang="en-US" dirty="0" err="1"/>
              <a:t>projekt</a:t>
            </a:r>
            <a:r>
              <a:rPr lang="en-US" dirty="0"/>
              <a:t> Smart City. </a:t>
            </a:r>
            <a:r>
              <a:rPr lang="en-US" dirty="0" err="1"/>
              <a:t>Jsme</a:t>
            </a:r>
            <a:r>
              <a:rPr lang="en-US" dirty="0"/>
              <a:t> </a:t>
            </a:r>
            <a:r>
              <a:rPr lang="en-US" dirty="0" err="1"/>
              <a:t>spolehlivým</a:t>
            </a:r>
            <a:r>
              <a:rPr lang="en-US" dirty="0"/>
              <a:t> a </a:t>
            </a:r>
            <a:r>
              <a:rPr lang="en-US" dirty="0" err="1"/>
              <a:t>odborným</a:t>
            </a:r>
            <a:r>
              <a:rPr lang="en-US" dirty="0"/>
              <a:t> </a:t>
            </a:r>
            <a:r>
              <a:rPr lang="en-US" dirty="0" err="1"/>
              <a:t>partnerem</a:t>
            </a:r>
            <a:r>
              <a:rPr lang="en-US" dirty="0"/>
              <a:t>, </a:t>
            </a:r>
            <a:r>
              <a:rPr lang="en-US" dirty="0" err="1"/>
              <a:t>naše</a:t>
            </a:r>
            <a:r>
              <a:rPr lang="en-US" dirty="0"/>
              <a:t> </a:t>
            </a:r>
            <a:r>
              <a:rPr lang="en-US" dirty="0" err="1"/>
              <a:t>řešení</a:t>
            </a:r>
            <a:r>
              <a:rPr lang="en-US" dirty="0"/>
              <a:t> </a:t>
            </a:r>
            <a:r>
              <a:rPr lang="en-US" dirty="0" err="1"/>
              <a:t>Xprotect</a:t>
            </a:r>
            <a:r>
              <a:rPr lang="en-US" dirty="0"/>
              <a:t> je </a:t>
            </a:r>
            <a:r>
              <a:rPr lang="en-US" dirty="0" err="1"/>
              <a:t>flexibilní</a:t>
            </a:r>
            <a:r>
              <a:rPr lang="en-US" dirty="0"/>
              <a:t> a </a:t>
            </a:r>
            <a:r>
              <a:rPr lang="en-US" dirty="0" err="1"/>
              <a:t>snadno</a:t>
            </a:r>
            <a:r>
              <a:rPr lang="en-US" dirty="0"/>
              <a:t> </a:t>
            </a:r>
            <a:r>
              <a:rPr lang="en-US" dirty="0" err="1"/>
              <a:t>škálovatelné</a:t>
            </a:r>
            <a:r>
              <a:rPr lang="en-US" dirty="0"/>
              <a:t> a </a:t>
            </a:r>
            <a:r>
              <a:rPr lang="en-US" dirty="0" err="1"/>
              <a:t>nadále</a:t>
            </a:r>
            <a:r>
              <a:rPr lang="en-US" dirty="0"/>
              <a:t> </a:t>
            </a:r>
            <a:r>
              <a:rPr lang="en-US" dirty="0" err="1"/>
              <a:t>investujeme</a:t>
            </a:r>
            <a:r>
              <a:rPr lang="en-US" dirty="0"/>
              <a:t> do </a:t>
            </a:r>
            <a:r>
              <a:rPr lang="en-US" dirty="0" err="1"/>
              <a:t>naší</a:t>
            </a:r>
            <a:r>
              <a:rPr lang="en-US" dirty="0"/>
              <a:t> </a:t>
            </a:r>
            <a:r>
              <a:rPr lang="en-US" dirty="0" err="1"/>
              <a:t>otevřené</a:t>
            </a:r>
            <a:r>
              <a:rPr lang="en-US" dirty="0"/>
              <a:t> platformy, </a:t>
            </a:r>
            <a:r>
              <a:rPr lang="en-US" dirty="0" err="1"/>
              <a:t>máme</a:t>
            </a:r>
            <a:r>
              <a:rPr lang="en-US" dirty="0"/>
              <a:t> </a:t>
            </a:r>
            <a:r>
              <a:rPr lang="en-US" dirty="0" err="1"/>
              <a:t>hlubokou</a:t>
            </a:r>
            <a:r>
              <a:rPr lang="en-US" dirty="0"/>
              <a:t> </a:t>
            </a:r>
            <a:r>
              <a:rPr lang="en-US" dirty="0" err="1"/>
              <a:t>integraci</a:t>
            </a:r>
            <a:r>
              <a:rPr lang="en-US" dirty="0"/>
              <a:t> s </a:t>
            </a:r>
            <a:r>
              <a:rPr lang="en-US" dirty="0" err="1"/>
              <a:t>mnoha</a:t>
            </a:r>
            <a:r>
              <a:rPr lang="en-US" dirty="0"/>
              <a:t> </a:t>
            </a:r>
            <a:r>
              <a:rPr lang="en-US" dirty="0" err="1"/>
              <a:t>technologickými</a:t>
            </a:r>
            <a:r>
              <a:rPr lang="en-US" dirty="0"/>
              <a:t> </a:t>
            </a:r>
            <a:r>
              <a:rPr lang="en-US" dirty="0" err="1"/>
              <a:t>partnery</a:t>
            </a:r>
            <a:r>
              <a:rPr lang="en-US" dirty="0"/>
              <a:t>, </a:t>
            </a:r>
            <a:r>
              <a:rPr lang="en-US" dirty="0" err="1"/>
              <a:t>jako</a:t>
            </a:r>
            <a:r>
              <a:rPr lang="en-US" dirty="0"/>
              <a:t> je Axis, Bosch, Dahua, Hanwha, a v </a:t>
            </a:r>
            <a:r>
              <a:rPr lang="en-US" dirty="0" err="1"/>
              <a:t>neposlední</a:t>
            </a:r>
            <a:r>
              <a:rPr lang="en-US" dirty="0"/>
              <a:t> </a:t>
            </a:r>
            <a:r>
              <a:rPr lang="en-US" dirty="0" err="1"/>
              <a:t>řadě</a:t>
            </a:r>
            <a:r>
              <a:rPr lang="en-US" dirty="0"/>
              <a:t> , Milestone </a:t>
            </a:r>
            <a:r>
              <a:rPr lang="en-US" dirty="0" err="1"/>
              <a:t>byl</a:t>
            </a:r>
            <a:r>
              <a:rPr lang="en-US" dirty="0"/>
              <a:t> </a:t>
            </a:r>
            <a:r>
              <a:rPr lang="en-US" dirty="0" err="1"/>
              <a:t>vždy</a:t>
            </a:r>
            <a:r>
              <a:rPr lang="en-US" dirty="0"/>
              <a:t> </a:t>
            </a:r>
            <a:r>
              <a:rPr lang="en-US" dirty="0" err="1"/>
              <a:t>zastáncem</a:t>
            </a:r>
            <a:r>
              <a:rPr lang="en-US" dirty="0"/>
              <a:t> </a:t>
            </a:r>
            <a:r>
              <a:rPr lang="en-US" dirty="0" err="1"/>
              <a:t>odpovědného</a:t>
            </a:r>
            <a:r>
              <a:rPr lang="en-US" dirty="0"/>
              <a:t> </a:t>
            </a:r>
            <a:r>
              <a:rPr lang="en-US" dirty="0" err="1"/>
              <a:t>používání</a:t>
            </a:r>
            <a:r>
              <a:rPr lang="en-US" dirty="0"/>
              <a:t> </a:t>
            </a:r>
            <a:r>
              <a:rPr lang="en-US" dirty="0" err="1"/>
              <a:t>technologií</a:t>
            </a:r>
            <a:r>
              <a:rPr lang="en-US" dirty="0"/>
              <a:t>.</a:t>
            </a:r>
          </a:p>
        </p:txBody>
      </p:sp>
      <p:sp>
        <p:nvSpPr>
          <p:cNvPr id="4" name="Slide Number Placeholder 3"/>
          <p:cNvSpPr>
            <a:spLocks noGrp="1"/>
          </p:cNvSpPr>
          <p:nvPr>
            <p:ph type="sldNum" sz="quarter" idx="5"/>
          </p:nvPr>
        </p:nvSpPr>
        <p:spPr/>
        <p:txBody>
          <a:bodyPr/>
          <a:lstStyle/>
          <a:p>
            <a:fld id="{A16CFAD1-D197-4A88-B173-A6412E995EE5}" type="slidenum">
              <a:rPr lang="en-GB" smtClean="0"/>
              <a:t>6</a:t>
            </a:fld>
            <a:endParaRPr lang="en-GB"/>
          </a:p>
        </p:txBody>
      </p:sp>
    </p:spTree>
    <p:extLst>
      <p:ext uri="{BB962C8B-B14F-4D97-AF65-F5344CB8AC3E}">
        <p14:creationId xmlns:p14="http://schemas.microsoft.com/office/powerpoint/2010/main" val="257279980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ilestone Open Platform j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mele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ez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různým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rstvam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v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rojekt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áklade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je hardware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rchol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šeh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ěž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plikac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V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oučasn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obě</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Mileston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dporuj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11 000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aříze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jak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iž</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yl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míněn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ez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im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elký</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če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amer</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xis, Bosch, Hanwh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ejso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to al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en</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amer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l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ak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chytrá</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Io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aříze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terá</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iž</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ransformuj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Milestone z VMS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latform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řízeno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at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t>7</a:t>
            </a:fld>
            <a:endParaRPr lang="en-GB"/>
          </a:p>
        </p:txBody>
      </p:sp>
    </p:spTree>
    <p:extLst>
      <p:ext uri="{BB962C8B-B14F-4D97-AF65-F5344CB8AC3E}">
        <p14:creationId xmlns:p14="http://schemas.microsoft.com/office/powerpoint/2010/main" val="378558248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š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ová</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řad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erverů</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Husky IV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yl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uvede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rh</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lon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v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létě</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d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roduk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Dell OEM, a j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lně</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ptimalizován</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pro vide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echnologi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odává</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se s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ředinstalovaným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okn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ředinstalovaný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XProtec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což</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umožňuj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instalační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echniků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rovés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fyzicko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instalac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nohe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rychlej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lynulej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odává</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se v 5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různých</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odelech</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akž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d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by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ěl</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áje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ůž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s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díva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š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webovo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tránk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íska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tam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úpln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pecifikace</a:t>
            </a:r>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t>8</a:t>
            </a:fld>
            <a:endParaRPr lang="en-GB"/>
          </a:p>
        </p:txBody>
      </p:sp>
    </p:spTree>
    <p:extLst>
      <p:ext uri="{BB962C8B-B14F-4D97-AF65-F5344CB8AC3E}">
        <p14:creationId xmlns:p14="http://schemas.microsoft.com/office/powerpoint/2010/main" val="93589290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mínk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ak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toj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áš</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edávn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spuštěný</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oplněk</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pr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nalýz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Rapid Review. J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aložen</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riefca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je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hladc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integrován</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do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Xprotec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moc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funkc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Rapid Review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ůžet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zkontrolova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hodin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ide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běhe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ěkolik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inu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ěřím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ed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že</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šechny</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tyto</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ové</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možnost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ám</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mohou</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osunout</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vaš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každodenn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ráci</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provoz</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již</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na</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další</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 </a:t>
            </a:r>
            <a:r>
              <a:rPr lang="en-US" sz="1800" kern="1200" dirty="0" err="1">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úroveň</a:t>
            </a:r>
            <a:r>
              <a:rPr lang="en-US" sz="1800" kern="1200" dirty="0">
                <a:solidFill>
                  <a:srgbClr val="303436"/>
                </a:solidFill>
                <a:effectLst/>
                <a:latin typeface="Open Sans" panose="020B0606030504020204" pitchFamily="34" charset="0"/>
                <a:ea typeface="Times New Roman" panose="02020603050405020304" pitchFamily="18" charset="0"/>
                <a:cs typeface="Times New Roman" panose="02020603050405020304" pitchFamily="18" charset="0"/>
              </a:rPr>
              <a:t>.</a:t>
            </a:r>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9</a:t>
            </a:fld>
            <a:endParaRPr lang="en-GB"/>
          </a:p>
        </p:txBody>
      </p:sp>
    </p:spTree>
    <p:extLst>
      <p:ext uri="{BB962C8B-B14F-4D97-AF65-F5344CB8AC3E}">
        <p14:creationId xmlns:p14="http://schemas.microsoft.com/office/powerpoint/2010/main" val="327175397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8" Type="http://schemas.openxmlformats.org/officeDocument/2006/relationships/image" Target="../media/image13.emf"/><Relationship Id="rId3" Type="http://schemas.openxmlformats.org/officeDocument/2006/relationships/image" Target="../media/image9.jpeg"/><Relationship Id="rId7" Type="http://schemas.openxmlformats.org/officeDocument/2006/relationships/image" Target="../media/image12.emf"/><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11.emf"/><Relationship Id="rId5" Type="http://schemas.openxmlformats.org/officeDocument/2006/relationships/image" Target="../media/image10.emf"/><Relationship Id="rId10" Type="http://schemas.openxmlformats.org/officeDocument/2006/relationships/image" Target="../media/image3.png"/><Relationship Id="rId4" Type="http://schemas.openxmlformats.org/officeDocument/2006/relationships/image" Target="../media/image5.emf"/><Relationship Id="rId9" Type="http://schemas.openxmlformats.org/officeDocument/2006/relationships/image" Target="../media/image2.emf"/></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Master" Target="../slideMasters/slideMaster1.xml"/><Relationship Id="rId4" Type="http://schemas.openxmlformats.org/officeDocument/2006/relationships/image" Target="../media/image16.png"/></Relationships>
</file>

<file path=ppt/slideLayouts/_rels/slideLayout17.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image" Target="../media/image18.png"/><Relationship Id="rId7" Type="http://schemas.openxmlformats.org/officeDocument/2006/relationships/image" Target="../media/image22.png"/><Relationship Id="rId2" Type="http://schemas.openxmlformats.org/officeDocument/2006/relationships/image" Target="../media/image17.png"/><Relationship Id="rId1" Type="http://schemas.openxmlformats.org/officeDocument/2006/relationships/slideMaster" Target="../slideMasters/slideMaster1.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9.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25.png"/><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3.png"/><Relationship Id="rId4" Type="http://schemas.openxmlformats.org/officeDocument/2006/relationships/image" Target="../media/image2.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2.emf"/></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7.pn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Logo slide">
    <p:spTree>
      <p:nvGrpSpPr>
        <p:cNvPr id="1" name=""/>
        <p:cNvGrpSpPr/>
        <p:nvPr/>
      </p:nvGrpSpPr>
      <p:grpSpPr>
        <a:xfrm>
          <a:off x="0" y="0"/>
          <a:ext cx="0" cy="0"/>
          <a:chOff x="0" y="0"/>
          <a:chExt cx="0" cy="0"/>
        </a:xfrm>
      </p:grpSpPr>
      <p:sp>
        <p:nvSpPr>
          <p:cNvPr id="16" name="Rectangle withe"/>
          <p:cNvSpPr/>
          <p:nvPr userDrawn="1"/>
        </p:nvSpPr>
        <p:spPr>
          <a:xfrm>
            <a:off x="0" y="-1"/>
            <a:ext cx="12192000" cy="685800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10" name="Picture 9"/>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flipH="1">
            <a:off x="0" y="1232"/>
            <a:ext cx="12192000" cy="6858000"/>
          </a:xfrm>
          <a:prstGeom prst="rect">
            <a:avLst/>
          </a:prstGeom>
        </p:spPr>
      </p:pic>
      <p:sp>
        <p:nvSpPr>
          <p:cNvPr id="15" name="Picture Placeholder 14"/>
          <p:cNvSpPr>
            <a:spLocks noGrp="1"/>
          </p:cNvSpPr>
          <p:nvPr>
            <p:ph type="pic" sz="quarter" idx="16" hasCustomPrompt="1"/>
          </p:nvPr>
        </p:nvSpPr>
        <p:spPr>
          <a:xfrm>
            <a:off x="0" y="0"/>
            <a:ext cx="12192000" cy="6858000"/>
          </a:xfrm>
          <a:prstGeom prst="rect">
            <a:avLst/>
          </a:prstGeom>
        </p:spPr>
        <p:txBody>
          <a:bodyPr lIns="3017520" rIns="274320" bIns="274320" anchor="b" anchorCtr="0">
            <a:noAutofit/>
          </a:bodyPr>
          <a:lstStyle>
            <a:lvl1pPr algn="r">
              <a:defRPr sz="2000" baseline="0">
                <a:solidFill>
                  <a:schemeClr val="bg2">
                    <a:lumMod val="40000"/>
                    <a:lumOff val="60000"/>
                  </a:schemeClr>
                </a:solidFill>
                <a:sym typeface="Wingdings" panose="05000000000000000000" pitchFamily="2" charset="2"/>
              </a:defRPr>
            </a:lvl1pPr>
          </a:lstStyle>
          <a:p>
            <a:r>
              <a:rPr lang="en-GB"/>
              <a:t>Click [here] once and add an image via Templafy or add a picture from your computer: click the Insert tab  Pictures</a:t>
            </a:r>
          </a:p>
        </p:txBody>
      </p:sp>
      <p:sp>
        <p:nvSpPr>
          <p:cNvPr id="4" name="Date_DateCustomA" hidden="1"/>
          <p:cNvSpPr>
            <a:spLocks noGrp="1"/>
          </p:cNvSpPr>
          <p:nvPr>
            <p:ph type="dt" sz="half" idx="10"/>
          </p:nvPr>
        </p:nvSpPr>
        <p:spPr>
          <a:xfrm>
            <a:off x="0" y="6912000"/>
            <a:ext cx="0" cy="0"/>
          </a:xfrm>
          <a:prstGeom prst="rect">
            <a:avLst/>
          </a:prstGeom>
        </p:spPr>
        <p:txBody>
          <a:bodyPr/>
          <a:lstStyle>
            <a:lvl1pPr>
              <a:defRPr sz="100">
                <a:noFill/>
              </a:defRPr>
            </a:lvl1pPr>
          </a:lstStyle>
          <a:p>
            <a:r>
              <a:rPr lang="en-GB"/>
              <a:t>15 February 2022</a:t>
            </a:r>
          </a:p>
        </p:txBody>
      </p:sp>
      <p:sp>
        <p:nvSpPr>
          <p:cNvPr id="5" name="FLD_PresentationTitle" hidden="1"/>
          <p:cNvSpPr>
            <a:spLocks noGrp="1"/>
          </p:cNvSpPr>
          <p:nvPr>
            <p:ph type="ftr" sz="quarter" idx="11"/>
          </p:nvPr>
        </p:nvSpPr>
        <p:spPr>
          <a:xfrm>
            <a:off x="0" y="6912000"/>
            <a:ext cx="0" cy="0"/>
          </a:xfrm>
          <a:prstGeom prst="rect">
            <a:avLst/>
          </a:prstGeom>
        </p:spPr>
        <p:txBody>
          <a:bodyPr/>
          <a:lstStyle>
            <a:lvl1pPr>
              <a:defRPr sz="100">
                <a:noFill/>
              </a:defRPr>
            </a:lvl1pPr>
          </a:lstStyle>
          <a:p>
            <a:endParaRPr lang="en-GB"/>
          </a:p>
        </p:txBody>
      </p:sp>
      <p:sp>
        <p:nvSpPr>
          <p:cNvPr id="6" name="Slide Number Placeholder 5"/>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GB" smtClean="0"/>
              <a:pPr/>
              <a:t>‹#›</a:t>
            </a:fld>
            <a:endParaRPr lang="en-GB"/>
          </a:p>
        </p:txBody>
      </p:sp>
      <p:sp>
        <p:nvSpPr>
          <p:cNvPr id="11" name="Text Placeholder 4"/>
          <p:cNvSpPr>
            <a:spLocks noGrp="1"/>
          </p:cNvSpPr>
          <p:nvPr>
            <p:ph type="body" sz="quarter" idx="22" hasCustomPrompt="1"/>
          </p:nvPr>
        </p:nvSpPr>
        <p:spPr>
          <a:xfrm>
            <a:off x="7214543" y="-5053"/>
            <a:ext cx="4928616" cy="2368296"/>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normAutofit/>
          </a:bodyPr>
          <a:lstStyle>
            <a:lvl1pPr>
              <a:defRPr sz="100">
                <a:noFill/>
              </a:defRPr>
            </a:lvl1pPr>
          </a:lstStyle>
          <a:p>
            <a:pPr lvl="0"/>
            <a:r>
              <a:rPr lang="en-GB"/>
              <a:t>.</a:t>
            </a:r>
          </a:p>
        </p:txBody>
      </p:sp>
      <p:sp>
        <p:nvSpPr>
          <p:cNvPr id="3" name="Text Placeholder 2"/>
          <p:cNvSpPr>
            <a:spLocks noGrp="1"/>
          </p:cNvSpPr>
          <p:nvPr>
            <p:ph type="body" sz="quarter" idx="23" hasCustomPrompt="1"/>
          </p:nvPr>
        </p:nvSpPr>
        <p:spPr>
          <a:xfrm>
            <a:off x="245608" y="273900"/>
            <a:ext cx="1746504" cy="978408"/>
          </a:xfrm>
          <a:prstGeom prst="rect">
            <a:avLst/>
          </a:prstGeom>
          <a:blipFill dpi="0" rotWithShape="1">
            <a:blip r:embed="rId4"/>
            <a:srcRect/>
            <a:stretch>
              <a:fillRect/>
            </a:stretch>
          </a:blipFill>
        </p:spPr>
        <p:txBody>
          <a:bodyPr>
            <a:normAutofit/>
          </a:bodyPr>
          <a:lstStyle>
            <a:lvl1pPr>
              <a:defRPr sz="100"/>
            </a:lvl1pPr>
          </a:lstStyle>
          <a:p>
            <a:pPr lvl="0"/>
            <a:r>
              <a:rPr lang="en-GB"/>
              <a:t>.</a:t>
            </a:r>
          </a:p>
        </p:txBody>
      </p:sp>
      <p:sp>
        <p:nvSpPr>
          <p:cNvPr id="8" name="Text Placeholder 7"/>
          <p:cNvSpPr>
            <a:spLocks noGrp="1"/>
          </p:cNvSpPr>
          <p:nvPr>
            <p:ph type="body" sz="quarter" idx="24" hasCustomPrompt="1"/>
          </p:nvPr>
        </p:nvSpPr>
        <p:spPr>
          <a:xfrm>
            <a:off x="3539372" y="1386872"/>
            <a:ext cx="4928616" cy="4279392"/>
          </a:xfrm>
          <a:prstGeom prst="rect">
            <a:avLst/>
          </a:prstGeom>
          <a:blipFill>
            <a:blip r:embed="rId5"/>
            <a:stretch>
              <a:fillRect/>
            </a:stretch>
          </a:blipFill>
        </p:spPr>
        <p:txBody>
          <a:bodyPr>
            <a:normAutofit/>
          </a:bodyPr>
          <a:lstStyle>
            <a:lvl1pPr>
              <a:defRPr sz="100"/>
            </a:lvl1pPr>
            <a:lvl5pPr marL="411480" indent="0">
              <a:buNone/>
              <a:defRPr/>
            </a:lvl5pPr>
          </a:lstStyle>
          <a:p>
            <a:pPr lvl="0"/>
            <a:r>
              <a:rPr lang="en-GB"/>
              <a:t>.</a:t>
            </a:r>
          </a:p>
        </p:txBody>
      </p:sp>
    </p:spTree>
    <p:extLst>
      <p:ext uri="{BB962C8B-B14F-4D97-AF65-F5344CB8AC3E}">
        <p14:creationId xmlns:p14="http://schemas.microsoft.com/office/powerpoint/2010/main" val="203727745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Graph">
    <p:spTree>
      <p:nvGrpSpPr>
        <p:cNvPr id="1" name=""/>
        <p:cNvGrpSpPr/>
        <p:nvPr/>
      </p:nvGrpSpPr>
      <p:grpSpPr>
        <a:xfrm>
          <a:off x="0" y="0"/>
          <a:ext cx="0" cy="0"/>
          <a:chOff x="0" y="0"/>
          <a:chExt cx="0" cy="0"/>
        </a:xfrm>
      </p:grpSpPr>
      <p:sp>
        <p:nvSpPr>
          <p:cNvPr id="12" name="BAckground gray"/>
          <p:cNvSpPr/>
          <p:nvPr userDrawn="1"/>
        </p:nvSpPr>
        <p:spPr>
          <a:xfrm>
            <a:off x="6094800" y="0"/>
            <a:ext cx="6102000" cy="6858000"/>
          </a:xfrm>
          <a:prstGeom prst="rect">
            <a:avLst/>
          </a:prstGeom>
          <a:solidFill>
            <a:srgbClr val="F1F1F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47480" y="149087"/>
            <a:ext cx="5389200" cy="1334113"/>
          </a:xfrm>
          <a:prstGeom prst="rect">
            <a:avLst/>
          </a:prstGeom>
        </p:spPr>
        <p:txBody>
          <a:bodyPr/>
          <a:lstStyle>
            <a:lvl1pPr>
              <a:defRPr/>
            </a:lvl1pPr>
          </a:lstStyle>
          <a:p>
            <a:r>
              <a:rPr lang="en-GB"/>
              <a:t>Click to add title</a:t>
            </a:r>
          </a:p>
        </p:txBody>
      </p:sp>
      <p:sp>
        <p:nvSpPr>
          <p:cNvPr id="11" name="Content Placeholder 2"/>
          <p:cNvSpPr>
            <a:spLocks noGrp="1"/>
          </p:cNvSpPr>
          <p:nvPr>
            <p:ph sz="quarter" idx="22" hasCustomPrompt="1"/>
          </p:nvPr>
        </p:nvSpPr>
        <p:spPr>
          <a:xfrm>
            <a:off x="447862" y="1623598"/>
            <a:ext cx="5388817" cy="4715289"/>
          </a:xfrm>
          <a:prstGeom prst="rect">
            <a:avLst/>
          </a:prstGeom>
        </p:spPr>
        <p:txBody>
          <a:bodyPr/>
          <a:lstStyle/>
          <a:p>
            <a:pPr lvl="0"/>
            <a:r>
              <a:rPr lang="en-GB"/>
              <a:t>Click here to edit text or click one of the icons to add a table or chart</a:t>
            </a:r>
          </a:p>
          <a:p>
            <a:pPr lvl="1"/>
            <a:r>
              <a:rPr lang="en-GB"/>
              <a:t>Second level</a:t>
            </a:r>
          </a:p>
          <a:p>
            <a:pPr lvl="2"/>
            <a:r>
              <a:rPr lang="en-GB"/>
              <a:t>Third level</a:t>
            </a:r>
          </a:p>
          <a:p>
            <a:pPr lvl="3"/>
            <a:r>
              <a:rPr lang="en-GB"/>
              <a:t>Fourth level</a:t>
            </a:r>
          </a:p>
          <a:p>
            <a:pPr lvl="4"/>
            <a:r>
              <a:rPr lang="en-GB"/>
              <a:t>Fifth level</a:t>
            </a:r>
          </a:p>
        </p:txBody>
      </p:sp>
      <p:sp>
        <p:nvSpPr>
          <p:cNvPr id="14" name="Content Placeholder 3"/>
          <p:cNvSpPr>
            <a:spLocks noGrp="1"/>
          </p:cNvSpPr>
          <p:nvPr>
            <p:ph sz="quarter" idx="23" hasCustomPrompt="1"/>
          </p:nvPr>
        </p:nvSpPr>
        <p:spPr>
          <a:xfrm>
            <a:off x="6719746" y="1035110"/>
            <a:ext cx="4827600" cy="4788000"/>
          </a:xfrm>
          <a:prstGeom prst="rect">
            <a:avLst/>
          </a:prstGeom>
        </p:spPr>
        <p:txBody>
          <a:bodyPr/>
          <a:lstStyle/>
          <a:p>
            <a:pPr lvl="0"/>
            <a:r>
              <a:rPr lang="en-GB" noProof="0"/>
              <a:t>Click one of the icons to add a table or chart</a:t>
            </a:r>
            <a:endParaRPr lang="en-GB"/>
          </a:p>
          <a:p>
            <a:pPr lvl="1"/>
            <a:r>
              <a:rPr lang="en-GB"/>
              <a:t>Second level</a:t>
            </a:r>
          </a:p>
          <a:p>
            <a:pPr lvl="2"/>
            <a:r>
              <a:rPr lang="en-GB"/>
              <a:t>Third level</a:t>
            </a:r>
          </a:p>
          <a:p>
            <a:pPr lvl="3"/>
            <a:r>
              <a:rPr lang="en-GB"/>
              <a:t>Fourth level</a:t>
            </a:r>
          </a:p>
          <a:p>
            <a:pPr lvl="4"/>
            <a:r>
              <a:rPr lang="en-GB"/>
              <a:t>Fifth level</a:t>
            </a:r>
          </a:p>
        </p:txBody>
      </p:sp>
      <p:sp>
        <p:nvSpPr>
          <p:cNvPr id="3" name="Pladsholder til dato 2" hidden="1"/>
          <p:cNvSpPr>
            <a:spLocks noGrp="1"/>
          </p:cNvSpPr>
          <p:nvPr>
            <p:ph type="dt" sz="half" idx="19"/>
          </p:nvPr>
        </p:nvSpPr>
        <p:spPr/>
        <p:txBody>
          <a:bodyPr/>
          <a:lstStyle/>
          <a:p>
            <a:endParaRPr lang="en-GB"/>
          </a:p>
        </p:txBody>
      </p:sp>
      <p:sp>
        <p:nvSpPr>
          <p:cNvPr id="8" name="Pladsholder til sidefod 7"/>
          <p:cNvSpPr>
            <a:spLocks noGrp="1"/>
          </p:cNvSpPr>
          <p:nvPr>
            <p:ph type="ftr" sz="quarter" idx="20"/>
          </p:nvPr>
        </p:nvSpPr>
        <p:spPr>
          <a:xfrm>
            <a:off x="1288782" y="6479087"/>
            <a:ext cx="4536000" cy="147600"/>
          </a:xfrm>
        </p:spPr>
        <p:txBody>
          <a:bodyPr/>
          <a:lstStyle/>
          <a:p>
            <a:endParaRPr lang="en-GB"/>
          </a:p>
        </p:txBody>
      </p:sp>
      <p:sp>
        <p:nvSpPr>
          <p:cNvPr id="9" name="Pladsholder til slidenummer 8" hidden="1"/>
          <p:cNvSpPr>
            <a:spLocks noGrp="1"/>
          </p:cNvSpPr>
          <p:nvPr>
            <p:ph type="sldNum" sz="quarter" idx="21"/>
          </p:nvPr>
        </p:nvSpPr>
        <p:spPr/>
        <p:txBody>
          <a:bodyPr/>
          <a:lstStyle/>
          <a:p>
            <a:fld id="{4D71782F-9FF7-4AE4-B0B3-64936DF31C11}" type="slidenum">
              <a:rPr lang="en-GB" smtClean="0"/>
              <a:pPr/>
              <a:t>‹#›</a:t>
            </a:fld>
            <a:endParaRPr lang="en-GB"/>
          </a:p>
        </p:txBody>
      </p:sp>
      <p:sp>
        <p:nvSpPr>
          <p:cNvPr id="13" name="Logo Placeholder"/>
          <p:cNvSpPr>
            <a:spLocks noGrp="1"/>
          </p:cNvSpPr>
          <p:nvPr>
            <p:ph type="body" sz="quarter" idx="14" hasCustomPrompt="1"/>
          </p:nvPr>
        </p:nvSpPr>
        <p:spPr>
          <a:xfrm>
            <a:off x="447863" y="6492560"/>
            <a:ext cx="734400" cy="151200"/>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Tree>
    <p:extLst>
      <p:ext uri="{BB962C8B-B14F-4D97-AF65-F5344CB8AC3E}">
        <p14:creationId xmlns:p14="http://schemas.microsoft.com/office/powerpoint/2010/main" val="1879118180"/>
      </p:ext>
    </p:extLst>
  </p:cSld>
  <p:clrMapOvr>
    <a:masterClrMapping/>
  </p:clrMapOvr>
  <p:extLst>
    <p:ext uri="{DCECCB84-F9BA-43D5-87BE-67443E8EF086}">
      <p15:sldGuideLst xmlns:p15="http://schemas.microsoft.com/office/powerpoint/2012/main">
        <p15:guide id="1" pos="3817" userDrawn="1">
          <p15:clr>
            <a:srgbClr val="FBAE40"/>
          </p15:clr>
        </p15:guide>
        <p15:guide id="2" pos="3676"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Quote&quot; White ">
    <p:spTree>
      <p:nvGrpSpPr>
        <p:cNvPr id="1" name=""/>
        <p:cNvGrpSpPr/>
        <p:nvPr/>
      </p:nvGrpSpPr>
      <p:grpSpPr>
        <a:xfrm>
          <a:off x="0" y="0"/>
          <a:ext cx="0" cy="0"/>
          <a:chOff x="0" y="0"/>
          <a:chExt cx="0" cy="0"/>
        </a:xfrm>
      </p:grpSpPr>
      <p:sp>
        <p:nvSpPr>
          <p:cNvPr id="8" name="Text Placeholder 1"/>
          <p:cNvSpPr>
            <a:spLocks noGrp="1"/>
          </p:cNvSpPr>
          <p:nvPr>
            <p:ph type="body" sz="quarter" idx="13" hasCustomPrompt="1"/>
          </p:nvPr>
        </p:nvSpPr>
        <p:spPr>
          <a:xfrm>
            <a:off x="1874339" y="2103120"/>
            <a:ext cx="8441857" cy="2345637"/>
          </a:xfrm>
          <a:prstGeom prst="rect">
            <a:avLst/>
          </a:prstGeom>
        </p:spPr>
        <p:txBody>
          <a:bodyPr anchor="b" anchorCtr="0"/>
          <a:lstStyle>
            <a:lvl1pPr marL="0" indent="0" algn="ctr">
              <a:buFont typeface="Arial" panose="020B0604020202020204" pitchFamily="34" charset="0"/>
              <a:buNone/>
              <a:defRPr sz="5200">
                <a:solidFill>
                  <a:schemeClr val="accent1"/>
                </a:solidFill>
                <a:latin typeface="+mj-lt"/>
              </a:defRPr>
            </a:lvl1pPr>
            <a:lvl2pPr algn="ctr">
              <a:defRPr/>
            </a:lvl2pPr>
            <a:lvl3pPr algn="ctr">
              <a:defRPr/>
            </a:lvl3pPr>
            <a:lvl4pPr algn="ctr">
              <a:defRPr/>
            </a:lvl4pPr>
            <a:lvl5pPr algn="ctr">
              <a:defRPr/>
            </a:lvl5pPr>
          </a:lstStyle>
          <a:p>
            <a:pPr lvl="0"/>
            <a:r>
              <a:rPr lang="en-GB"/>
              <a:t>“Click to insert quote of max 3 lines”</a:t>
            </a:r>
          </a:p>
        </p:txBody>
      </p:sp>
      <p:sp>
        <p:nvSpPr>
          <p:cNvPr id="10" name="Text Placeholder 2"/>
          <p:cNvSpPr>
            <a:spLocks noGrp="1"/>
          </p:cNvSpPr>
          <p:nvPr>
            <p:ph type="body" sz="quarter" idx="14" hasCustomPrompt="1"/>
          </p:nvPr>
        </p:nvSpPr>
        <p:spPr>
          <a:xfrm>
            <a:off x="5498341" y="4663440"/>
            <a:ext cx="4622800" cy="623983"/>
          </a:xfrm>
          <a:prstGeom prst="rect">
            <a:avLst/>
          </a:prstGeom>
        </p:spPr>
        <p:txBody>
          <a:bodyPr/>
          <a:lstStyle>
            <a:lvl1pPr marL="0" indent="0" algn="r">
              <a:buNone/>
              <a:defRPr>
                <a:latin typeface="Open Sans" panose="020B0606030504020204" pitchFamily="34" charset="0"/>
                <a:ea typeface="Open Sans" panose="020B0606030504020204" pitchFamily="34" charset="0"/>
                <a:cs typeface="Open Sans" panose="020B0606030504020204" pitchFamily="34" charset="0"/>
              </a:defRPr>
            </a:lvl1pPr>
            <a:lvl2pPr algn="r">
              <a:defRPr/>
            </a:lvl2pPr>
            <a:lvl3pPr algn="r">
              <a:defRPr/>
            </a:lvl3pPr>
            <a:lvl4pPr algn="r">
              <a:defRPr/>
            </a:lvl4pPr>
            <a:lvl5pPr algn="r">
              <a:defRPr/>
            </a:lvl5pPr>
          </a:lstStyle>
          <a:p>
            <a:pPr lvl="0"/>
            <a:r>
              <a:rPr lang="en-GB"/>
              <a:t>Click to enter name</a:t>
            </a:r>
          </a:p>
        </p:txBody>
      </p:sp>
      <p:sp>
        <p:nvSpPr>
          <p:cNvPr id="2" name="Pladsholder til dato 1" hidden="1"/>
          <p:cNvSpPr>
            <a:spLocks noGrp="1"/>
          </p:cNvSpPr>
          <p:nvPr>
            <p:ph type="dt" sz="half" idx="15"/>
          </p:nvPr>
        </p:nvSpPr>
        <p:spPr/>
        <p:txBody>
          <a:bodyPr/>
          <a:lstStyle/>
          <a:p>
            <a:endParaRPr lang="en-GB"/>
          </a:p>
        </p:txBody>
      </p:sp>
      <p:sp>
        <p:nvSpPr>
          <p:cNvPr id="6" name="Pladsholder til sidefod 5"/>
          <p:cNvSpPr>
            <a:spLocks noGrp="1"/>
          </p:cNvSpPr>
          <p:nvPr>
            <p:ph type="ftr" sz="quarter" idx="16"/>
          </p:nvPr>
        </p:nvSpPr>
        <p:spPr/>
        <p:txBody>
          <a:bodyPr/>
          <a:lstStyle/>
          <a:p>
            <a:endParaRPr lang="en-GB"/>
          </a:p>
        </p:txBody>
      </p:sp>
      <p:sp>
        <p:nvSpPr>
          <p:cNvPr id="7" name="Pladsholder til slidenummer 6" hidden="1"/>
          <p:cNvSpPr>
            <a:spLocks noGrp="1"/>
          </p:cNvSpPr>
          <p:nvPr>
            <p:ph type="sldNum" sz="quarter" idx="17"/>
          </p:nvPr>
        </p:nvSpPr>
        <p:spPr/>
        <p:txBody>
          <a:bodyPr/>
          <a:lstStyle/>
          <a:p>
            <a:fld id="{4D71782F-9FF7-4AE4-B0B3-64936DF31C11}" type="slidenum">
              <a:rPr lang="en-GB" smtClean="0"/>
              <a:pPr/>
              <a:t>‹#›</a:t>
            </a:fld>
            <a:endParaRPr lang="en-GB"/>
          </a:p>
        </p:txBody>
      </p:sp>
      <p:sp>
        <p:nvSpPr>
          <p:cNvPr id="11" name="Logo Placeholder"/>
          <p:cNvSpPr>
            <a:spLocks noGrp="1"/>
          </p:cNvSpPr>
          <p:nvPr>
            <p:ph type="body" sz="quarter" idx="18" hasCustomPrompt="1"/>
          </p:nvPr>
        </p:nvSpPr>
        <p:spPr>
          <a:xfrm>
            <a:off x="447863" y="6492560"/>
            <a:ext cx="734400" cy="151200"/>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Tree>
    <p:extLst>
      <p:ext uri="{BB962C8B-B14F-4D97-AF65-F5344CB8AC3E}">
        <p14:creationId xmlns:p14="http://schemas.microsoft.com/office/powerpoint/2010/main" val="389201724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quot;Quote&quot; Blue">
    <p:spTree>
      <p:nvGrpSpPr>
        <p:cNvPr id="1" name=""/>
        <p:cNvGrpSpPr/>
        <p:nvPr/>
      </p:nvGrpSpPr>
      <p:grpSpPr>
        <a:xfrm>
          <a:off x="0" y="0"/>
          <a:ext cx="0" cy="0"/>
          <a:chOff x="0" y="0"/>
          <a:chExt cx="0" cy="0"/>
        </a:xfrm>
      </p:grpSpPr>
      <p:sp>
        <p:nvSpPr>
          <p:cNvPr id="7" name="Background Blue"/>
          <p:cNvSpPr/>
          <p:nvPr userDrawn="1"/>
        </p:nvSpPr>
        <p:spPr>
          <a:xfrm>
            <a:off x="3263" y="2"/>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22" name="Picture 21"/>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flipH="1">
            <a:off x="0" y="1232"/>
            <a:ext cx="12192000" cy="6858000"/>
          </a:xfrm>
          <a:prstGeom prst="rect">
            <a:avLst/>
          </a:prstGeom>
        </p:spPr>
      </p:pic>
      <p:sp>
        <p:nvSpPr>
          <p:cNvPr id="8" name="Text Placeholder 1"/>
          <p:cNvSpPr>
            <a:spLocks noGrp="1"/>
          </p:cNvSpPr>
          <p:nvPr>
            <p:ph type="body" sz="quarter" idx="13" hasCustomPrompt="1"/>
          </p:nvPr>
        </p:nvSpPr>
        <p:spPr>
          <a:xfrm>
            <a:off x="1874339" y="2103120"/>
            <a:ext cx="8441857" cy="2345637"/>
          </a:xfrm>
          <a:prstGeom prst="rect">
            <a:avLst/>
          </a:prstGeom>
        </p:spPr>
        <p:txBody>
          <a:bodyPr anchor="b" anchorCtr="0"/>
          <a:lstStyle>
            <a:lvl1pPr marL="0" indent="0" algn="ctr">
              <a:buFont typeface="Arial" panose="020B0604020202020204" pitchFamily="34" charset="0"/>
              <a:buNone/>
              <a:defRPr sz="5200">
                <a:solidFill>
                  <a:schemeClr val="bg1"/>
                </a:solidFill>
                <a:latin typeface="+mj-lt"/>
              </a:defRPr>
            </a:lvl1pPr>
            <a:lvl2pPr algn="ctr">
              <a:defRPr/>
            </a:lvl2pPr>
            <a:lvl3pPr algn="ctr">
              <a:defRPr/>
            </a:lvl3pPr>
            <a:lvl4pPr algn="ctr">
              <a:defRPr/>
            </a:lvl4pPr>
            <a:lvl5pPr algn="ctr">
              <a:defRPr/>
            </a:lvl5pPr>
          </a:lstStyle>
          <a:p>
            <a:pPr lvl="0"/>
            <a:r>
              <a:rPr lang="en-GB"/>
              <a:t>“Click to insert quote of max 3 lines”</a:t>
            </a:r>
          </a:p>
        </p:txBody>
      </p:sp>
      <p:sp>
        <p:nvSpPr>
          <p:cNvPr id="10" name="Text Placeholder 2"/>
          <p:cNvSpPr>
            <a:spLocks noGrp="1"/>
          </p:cNvSpPr>
          <p:nvPr>
            <p:ph type="body" sz="quarter" idx="14" hasCustomPrompt="1"/>
          </p:nvPr>
        </p:nvSpPr>
        <p:spPr>
          <a:xfrm>
            <a:off x="5498341" y="4663440"/>
            <a:ext cx="4622800" cy="623983"/>
          </a:xfrm>
          <a:prstGeom prst="rect">
            <a:avLst/>
          </a:prstGeom>
        </p:spPr>
        <p:txBody>
          <a:bodyPr/>
          <a:lstStyle>
            <a:lvl1pPr marL="0" indent="0" algn="r">
              <a:buNone/>
              <a:defRPr>
                <a:solidFill>
                  <a:schemeClr val="accent3"/>
                </a:solidFill>
                <a:latin typeface="Open Sans" panose="020B0606030504020204" pitchFamily="34" charset="0"/>
                <a:ea typeface="Open Sans" panose="020B0606030504020204" pitchFamily="34" charset="0"/>
                <a:cs typeface="Open Sans" panose="020B0606030504020204" pitchFamily="34" charset="0"/>
              </a:defRPr>
            </a:lvl1pPr>
            <a:lvl2pPr algn="r">
              <a:defRPr/>
            </a:lvl2pPr>
            <a:lvl3pPr algn="r">
              <a:defRPr/>
            </a:lvl3pPr>
            <a:lvl4pPr algn="r">
              <a:defRPr/>
            </a:lvl4pPr>
            <a:lvl5pPr algn="r">
              <a:defRPr/>
            </a:lvl5pPr>
          </a:lstStyle>
          <a:p>
            <a:pPr lvl="0"/>
            <a:r>
              <a:rPr lang="en-GB"/>
              <a:t>Click to enter name</a:t>
            </a:r>
          </a:p>
        </p:txBody>
      </p:sp>
      <p:sp>
        <p:nvSpPr>
          <p:cNvPr id="21" name="Logo Placeholder"/>
          <p:cNvSpPr>
            <a:spLocks noGrp="1"/>
          </p:cNvSpPr>
          <p:nvPr>
            <p:ph type="body" sz="quarter" idx="26" hasCustomPrompt="1"/>
          </p:nvPr>
        </p:nvSpPr>
        <p:spPr>
          <a:xfrm>
            <a:off x="447863" y="6492560"/>
            <a:ext cx="734400" cy="151200"/>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
        <p:nvSpPr>
          <p:cNvPr id="3" name="Pladsholder til dato 2" hidden="1"/>
          <p:cNvSpPr>
            <a:spLocks noGrp="1"/>
          </p:cNvSpPr>
          <p:nvPr>
            <p:ph type="dt" sz="half" idx="27"/>
          </p:nvPr>
        </p:nvSpPr>
        <p:spPr/>
        <p:txBody>
          <a:bodyPr/>
          <a:lstStyle/>
          <a:p>
            <a:endParaRPr lang="en-GB"/>
          </a:p>
        </p:txBody>
      </p:sp>
      <p:sp>
        <p:nvSpPr>
          <p:cNvPr id="6" name="Pladsholder til slidenummer 5" hidden="1"/>
          <p:cNvSpPr>
            <a:spLocks noGrp="1"/>
          </p:cNvSpPr>
          <p:nvPr>
            <p:ph type="sldNum" sz="quarter" idx="29"/>
          </p:nvPr>
        </p:nvSpPr>
        <p:spPr/>
        <p:txBody>
          <a:bodyPr/>
          <a:lstStyle/>
          <a:p>
            <a:fld id="{4D71782F-9FF7-4AE4-B0B3-64936DF31C11}" type="slidenum">
              <a:rPr lang="en-GB" smtClean="0"/>
              <a:pPr/>
              <a:t>‹#›</a:t>
            </a:fld>
            <a:endParaRPr lang="en-GB"/>
          </a:p>
        </p:txBody>
      </p:sp>
      <p:sp>
        <p:nvSpPr>
          <p:cNvPr id="13" name="Pladsholder til sidefod 2"/>
          <p:cNvSpPr>
            <a:spLocks noGrp="1"/>
          </p:cNvSpPr>
          <p:nvPr>
            <p:ph type="ftr" sz="quarter" idx="24"/>
          </p:nvPr>
        </p:nvSpPr>
        <p:spPr>
          <a:xfrm>
            <a:off x="1288782" y="6479087"/>
            <a:ext cx="5400000" cy="147600"/>
          </a:xfrm>
          <a:noFill/>
          <a:effectLst/>
        </p:spPr>
        <p:txBody>
          <a:bodyPr/>
          <a:lstStyle>
            <a:lvl1pPr>
              <a:defRPr>
                <a:solidFill>
                  <a:schemeClr val="bg1"/>
                </a:solidFill>
              </a:defRPr>
            </a:lvl1pPr>
          </a:lstStyle>
          <a:p>
            <a:endParaRPr lang="en-GB"/>
          </a:p>
        </p:txBody>
      </p:sp>
    </p:spTree>
    <p:extLst>
      <p:ext uri="{BB962C8B-B14F-4D97-AF65-F5344CB8AC3E}">
        <p14:creationId xmlns:p14="http://schemas.microsoft.com/office/powerpoint/2010/main" val="95117747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eader &amp; Image">
    <p:spTree>
      <p:nvGrpSpPr>
        <p:cNvPr id="1" name=""/>
        <p:cNvGrpSpPr/>
        <p:nvPr/>
      </p:nvGrpSpPr>
      <p:grpSpPr>
        <a:xfrm>
          <a:off x="0" y="0"/>
          <a:ext cx="0" cy="0"/>
          <a:chOff x="0" y="0"/>
          <a:chExt cx="0" cy="0"/>
        </a:xfrm>
      </p:grpSpPr>
      <p:sp>
        <p:nvSpPr>
          <p:cNvPr id="9" name="Title 8"/>
          <p:cNvSpPr>
            <a:spLocks noGrp="1"/>
          </p:cNvSpPr>
          <p:nvPr>
            <p:ph type="title" hasCustomPrompt="1"/>
          </p:nvPr>
        </p:nvSpPr>
        <p:spPr>
          <a:xfrm>
            <a:off x="447863" y="421240"/>
            <a:ext cx="8334000" cy="1061960"/>
          </a:xfrm>
          <a:prstGeom prst="rect">
            <a:avLst/>
          </a:prstGeom>
        </p:spPr>
        <p:txBody>
          <a:bodyPr/>
          <a:lstStyle>
            <a:lvl1pPr>
              <a:defRPr/>
            </a:lvl1pPr>
          </a:lstStyle>
          <a:p>
            <a:r>
              <a:rPr lang="en-GB"/>
              <a:t>Click to add title</a:t>
            </a:r>
          </a:p>
        </p:txBody>
      </p:sp>
      <p:sp>
        <p:nvSpPr>
          <p:cNvPr id="11" name="Picture Placeholder 14"/>
          <p:cNvSpPr>
            <a:spLocks noGrp="1"/>
          </p:cNvSpPr>
          <p:nvPr>
            <p:ph type="pic" sz="quarter" idx="16" hasCustomPrompt="1"/>
          </p:nvPr>
        </p:nvSpPr>
        <p:spPr>
          <a:xfrm>
            <a:off x="446400" y="1716066"/>
            <a:ext cx="11107425" cy="4622104"/>
          </a:xfrm>
          <a:prstGeom prst="rect">
            <a:avLst/>
          </a:prstGeom>
        </p:spPr>
        <p:txBody>
          <a:bodyPr lIns="4937760" rIns="274320" bIns="457200" anchor="b" anchorCtr="0">
            <a:noAutofit/>
          </a:bodyPr>
          <a:lstStyle>
            <a:lvl1pPr algn="r">
              <a:defRPr sz="2000" baseline="0">
                <a:solidFill>
                  <a:schemeClr val="accent4"/>
                </a:solidFill>
              </a:defRPr>
            </a:lvl1pPr>
          </a:lstStyle>
          <a:p>
            <a:r>
              <a:rPr lang="en-GB"/>
              <a:t>Click [here] once and add an image via Templafy or add a picture from your computer</a:t>
            </a:r>
          </a:p>
        </p:txBody>
      </p:sp>
      <p:sp>
        <p:nvSpPr>
          <p:cNvPr id="2" name="Pladsholder til dato 1" hidden="1"/>
          <p:cNvSpPr>
            <a:spLocks noGrp="1"/>
          </p:cNvSpPr>
          <p:nvPr>
            <p:ph type="dt" sz="half" idx="17"/>
          </p:nvPr>
        </p:nvSpPr>
        <p:spPr/>
        <p:txBody>
          <a:bodyPr/>
          <a:lstStyle/>
          <a:p>
            <a:endParaRPr lang="en-GB"/>
          </a:p>
        </p:txBody>
      </p:sp>
      <p:sp>
        <p:nvSpPr>
          <p:cNvPr id="3" name="Pladsholder til sidefod 2"/>
          <p:cNvSpPr>
            <a:spLocks noGrp="1"/>
          </p:cNvSpPr>
          <p:nvPr>
            <p:ph type="ftr" sz="quarter" idx="18"/>
          </p:nvPr>
        </p:nvSpPr>
        <p:spPr/>
        <p:txBody>
          <a:bodyPr/>
          <a:lstStyle/>
          <a:p>
            <a:endParaRPr lang="en-GB"/>
          </a:p>
        </p:txBody>
      </p:sp>
      <p:sp>
        <p:nvSpPr>
          <p:cNvPr id="4" name="Pladsholder til slidenummer 3" hidden="1"/>
          <p:cNvSpPr>
            <a:spLocks noGrp="1"/>
          </p:cNvSpPr>
          <p:nvPr>
            <p:ph type="sldNum" sz="quarter" idx="19"/>
          </p:nvPr>
        </p:nvSpPr>
        <p:spPr/>
        <p:txBody>
          <a:bodyPr/>
          <a:lstStyle/>
          <a:p>
            <a:fld id="{4D71782F-9FF7-4AE4-B0B3-64936DF31C11}" type="slidenum">
              <a:rPr lang="en-GB" smtClean="0"/>
              <a:pPr/>
              <a:t>‹#›</a:t>
            </a:fld>
            <a:endParaRPr lang="en-GB"/>
          </a:p>
        </p:txBody>
      </p:sp>
      <p:sp>
        <p:nvSpPr>
          <p:cNvPr id="10" name="Logo Placeholder"/>
          <p:cNvSpPr>
            <a:spLocks noGrp="1"/>
          </p:cNvSpPr>
          <p:nvPr>
            <p:ph type="body" sz="quarter" idx="14" hasCustomPrompt="1"/>
          </p:nvPr>
        </p:nvSpPr>
        <p:spPr>
          <a:xfrm>
            <a:off x="447863" y="6492560"/>
            <a:ext cx="734400" cy="151200"/>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Tree>
    <p:extLst>
      <p:ext uri="{BB962C8B-B14F-4D97-AF65-F5344CB8AC3E}">
        <p14:creationId xmlns:p14="http://schemas.microsoft.com/office/powerpoint/2010/main" val="12491328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ull Image">
    <p:spTree>
      <p:nvGrpSpPr>
        <p:cNvPr id="1" name=""/>
        <p:cNvGrpSpPr/>
        <p:nvPr/>
      </p:nvGrpSpPr>
      <p:grpSpPr>
        <a:xfrm>
          <a:off x="0" y="0"/>
          <a:ext cx="0" cy="0"/>
          <a:chOff x="0" y="0"/>
          <a:chExt cx="0" cy="0"/>
        </a:xfrm>
      </p:grpSpPr>
      <p:sp>
        <p:nvSpPr>
          <p:cNvPr id="9" name="Picture Placeholder 14"/>
          <p:cNvSpPr>
            <a:spLocks noGrp="1"/>
          </p:cNvSpPr>
          <p:nvPr>
            <p:ph type="pic" sz="quarter" idx="16" hasCustomPrompt="1"/>
          </p:nvPr>
        </p:nvSpPr>
        <p:spPr>
          <a:xfrm>
            <a:off x="0" y="0"/>
            <a:ext cx="12192000" cy="6858000"/>
          </a:xfrm>
          <a:prstGeom prst="rect">
            <a:avLst/>
          </a:prstGeom>
          <a:noFill/>
        </p:spPr>
        <p:txBody>
          <a:bodyPr lIns="6126480" rIns="274320" bIns="457200" anchor="b" anchorCtr="0">
            <a:noAutofit/>
          </a:bodyPr>
          <a:lstStyle>
            <a:lvl1pPr algn="r">
              <a:defRPr sz="2000" baseline="0">
                <a:solidFill>
                  <a:schemeClr val="accent4"/>
                </a:solidFill>
              </a:defRPr>
            </a:lvl1pPr>
          </a:lstStyle>
          <a:p>
            <a:r>
              <a:rPr lang="en-GB"/>
              <a:t>Click here once and add a picture via Templafy or add a picture from your computer</a:t>
            </a:r>
          </a:p>
        </p:txBody>
      </p:sp>
      <p:sp>
        <p:nvSpPr>
          <p:cNvPr id="10" name="Text Placeholder 9"/>
          <p:cNvSpPr>
            <a:spLocks noGrp="1"/>
          </p:cNvSpPr>
          <p:nvPr>
            <p:ph type="body" sz="quarter" idx="17" hasCustomPrompt="1"/>
          </p:nvPr>
        </p:nvSpPr>
        <p:spPr>
          <a:xfrm>
            <a:off x="446400" y="368300"/>
            <a:ext cx="2474600" cy="3162300"/>
          </a:xfrm>
          <a:prstGeom prst="rect">
            <a:avLst/>
          </a:prstGeom>
          <a:blipFill dpi="0" rotWithShape="1">
            <a:blip r:embed="rId2" cstate="screen">
              <a:alphaModFix amt="74000"/>
              <a:extLst>
                <a:ext uri="{28A0092B-C50C-407E-A947-70E740481C1C}">
                  <a14:useLocalDpi xmlns:a14="http://schemas.microsoft.com/office/drawing/2010/main"/>
                </a:ext>
              </a:extLst>
            </a:blip>
            <a:srcRect/>
            <a:stretch>
              <a:fillRect/>
            </a:stretch>
          </a:blipFill>
        </p:spPr>
        <p:txBody>
          <a:bodyPr wrap="square" lIns="365760" tIns="457200" rIns="457200" bIns="365760"/>
          <a:lstStyle>
            <a:lvl1pPr marL="0" marR="0" indent="0" algn="l" defTabSz="914400" rtl="0" eaLnBrk="1" fontAlgn="auto" latinLnBrk="0" hangingPunct="1">
              <a:lnSpc>
                <a:spcPct val="100000"/>
              </a:lnSpc>
              <a:spcBef>
                <a:spcPts val="600"/>
              </a:spcBef>
              <a:spcAft>
                <a:spcPts val="600"/>
              </a:spcAft>
              <a:buClrTx/>
              <a:buSzTx/>
              <a:buFont typeface="Arial" panose="020B0604020202020204" pitchFamily="34" charset="0"/>
              <a:buNone/>
              <a:tabLst/>
              <a:defRPr>
                <a:solidFill>
                  <a:schemeClr val="bg1"/>
                </a:solidFill>
              </a:defRPr>
            </a:lvl1pPr>
          </a:lstStyle>
          <a:p>
            <a:pPr lvl="0"/>
            <a:r>
              <a:rPr lang="en-GB"/>
              <a:t>add text here</a:t>
            </a:r>
          </a:p>
        </p:txBody>
      </p:sp>
      <p:sp>
        <p:nvSpPr>
          <p:cNvPr id="5" name="Pladsholder til dato 4" hidden="1"/>
          <p:cNvSpPr>
            <a:spLocks noGrp="1"/>
          </p:cNvSpPr>
          <p:nvPr>
            <p:ph type="dt" sz="half" idx="18"/>
          </p:nvPr>
        </p:nvSpPr>
        <p:spPr/>
        <p:txBody>
          <a:bodyPr/>
          <a:lstStyle/>
          <a:p>
            <a:endParaRPr lang="en-GB"/>
          </a:p>
        </p:txBody>
      </p:sp>
      <p:sp>
        <p:nvSpPr>
          <p:cNvPr id="6" name="Pladsholder til sidefod 5" hidden="1"/>
          <p:cNvSpPr>
            <a:spLocks noGrp="1"/>
          </p:cNvSpPr>
          <p:nvPr>
            <p:ph type="ftr" sz="quarter" idx="19"/>
          </p:nvPr>
        </p:nvSpPr>
        <p:spPr>
          <a:xfrm>
            <a:off x="0" y="7020000"/>
            <a:ext cx="0" cy="0"/>
          </a:xfrm>
          <a:noFill/>
        </p:spPr>
        <p:txBody>
          <a:bodyPr/>
          <a:lstStyle>
            <a:lvl1pPr>
              <a:defRPr sz="100">
                <a:noFill/>
              </a:defRPr>
            </a:lvl1pPr>
          </a:lstStyle>
          <a:p>
            <a:endParaRPr lang="en-GB"/>
          </a:p>
        </p:txBody>
      </p:sp>
      <p:sp>
        <p:nvSpPr>
          <p:cNvPr id="7" name="Pladsholder til slidenummer 6" hidden="1"/>
          <p:cNvSpPr>
            <a:spLocks noGrp="1"/>
          </p:cNvSpPr>
          <p:nvPr>
            <p:ph type="sldNum" sz="quarter" idx="20"/>
          </p:nvPr>
        </p:nvSpPr>
        <p:spPr/>
        <p:txBody>
          <a:bodyPr/>
          <a:lstStyle/>
          <a:p>
            <a:fld id="{4D71782F-9FF7-4AE4-B0B3-64936DF31C11}" type="slidenum">
              <a:rPr lang="en-GB" smtClean="0"/>
              <a:pPr/>
              <a:t>‹#›</a:t>
            </a:fld>
            <a:endParaRPr lang="en-GB"/>
          </a:p>
        </p:txBody>
      </p:sp>
    </p:spTree>
    <p:extLst>
      <p:ext uri="{BB962C8B-B14F-4D97-AF65-F5344CB8AC3E}">
        <p14:creationId xmlns:p14="http://schemas.microsoft.com/office/powerpoint/2010/main" val="101576131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sp>
        <p:nvSpPr>
          <p:cNvPr id="24" name="Background Blue"/>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7" name="Picture 36"/>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flipH="1">
            <a:off x="0" y="1232"/>
            <a:ext cx="12192000" cy="6858000"/>
          </a:xfrm>
          <a:prstGeom prst="rect">
            <a:avLst/>
          </a:prstGeom>
        </p:spPr>
      </p:pic>
      <p:pic>
        <p:nvPicPr>
          <p:cNvPr id="9" name="Picture 8" hidden="1"/>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0" y="0"/>
            <a:ext cx="12193526" cy="6858000"/>
          </a:xfrm>
          <a:prstGeom prst="rect">
            <a:avLst/>
          </a:prstGeom>
        </p:spPr>
      </p:pic>
      <p:sp>
        <p:nvSpPr>
          <p:cNvPr id="8" name="Text Placeholder 1"/>
          <p:cNvSpPr>
            <a:spLocks noGrp="1"/>
          </p:cNvSpPr>
          <p:nvPr>
            <p:ph type="body" sz="quarter" idx="13" hasCustomPrompt="1"/>
          </p:nvPr>
        </p:nvSpPr>
        <p:spPr>
          <a:xfrm>
            <a:off x="1875071" y="3051312"/>
            <a:ext cx="8441857" cy="1977888"/>
          </a:xfrm>
          <a:prstGeom prst="rect">
            <a:avLst/>
          </a:prstGeom>
        </p:spPr>
        <p:txBody>
          <a:bodyPr anchor="t" anchorCtr="0"/>
          <a:lstStyle>
            <a:lvl1pPr marL="0" indent="0" algn="ctr">
              <a:buFont typeface="Arial" panose="020B0604020202020204" pitchFamily="34" charset="0"/>
              <a:buNone/>
              <a:defRPr sz="5200" baseline="0">
                <a:solidFill>
                  <a:schemeClr val="bg1"/>
                </a:solidFill>
                <a:latin typeface="+mj-lt"/>
              </a:defRPr>
            </a:lvl1pPr>
            <a:lvl2pPr algn="ctr">
              <a:defRPr/>
            </a:lvl2pPr>
            <a:lvl3pPr algn="ctr">
              <a:defRPr/>
            </a:lvl3pPr>
            <a:lvl4pPr algn="ctr">
              <a:defRPr/>
            </a:lvl4pPr>
            <a:lvl5pPr algn="ctr">
              <a:defRPr/>
            </a:lvl5pPr>
          </a:lstStyle>
          <a:p>
            <a:pPr lvl="0"/>
            <a:r>
              <a:rPr lang="en-GB"/>
              <a:t>Thank You</a:t>
            </a:r>
          </a:p>
        </p:txBody>
      </p:sp>
      <p:pic>
        <p:nvPicPr>
          <p:cNvPr id="25" name="Logo"/>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508956" y="6380572"/>
            <a:ext cx="1152000" cy="232877"/>
          </a:xfrm>
          <a:prstGeom prst="rect">
            <a:avLst/>
          </a:prstGeom>
        </p:spPr>
      </p:pic>
      <p:sp>
        <p:nvSpPr>
          <p:cNvPr id="26" name="Rectangle 3"/>
          <p:cNvSpPr/>
          <p:nvPr userDrawn="1"/>
        </p:nvSpPr>
        <p:spPr>
          <a:xfrm>
            <a:off x="1904768" y="6231686"/>
            <a:ext cx="14400" cy="37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5" name="Date Placeholder 4" hidden="1"/>
          <p:cNvSpPr>
            <a:spLocks noGrp="1"/>
          </p:cNvSpPr>
          <p:nvPr>
            <p:ph type="dt" sz="half" idx="12"/>
          </p:nvPr>
        </p:nvSpPr>
        <p:spPr>
          <a:xfrm>
            <a:off x="0" y="6912000"/>
            <a:ext cx="0" cy="0"/>
          </a:xfrm>
          <a:prstGeom prst="rect">
            <a:avLst/>
          </a:prstGeom>
        </p:spPr>
        <p:txBody>
          <a:bodyPr/>
          <a:lstStyle/>
          <a:p>
            <a:r>
              <a:rPr lang="en-GB"/>
              <a:t>15/02/2022</a:t>
            </a:r>
          </a:p>
        </p:txBody>
      </p:sp>
      <p:sp>
        <p:nvSpPr>
          <p:cNvPr id="20" name="FLD_PresentationTitle" hidden="1"/>
          <p:cNvSpPr>
            <a:spLocks noGrp="1"/>
          </p:cNvSpPr>
          <p:nvPr>
            <p:ph type="ftr" sz="quarter" idx="11"/>
          </p:nvPr>
        </p:nvSpPr>
        <p:spPr>
          <a:xfrm>
            <a:off x="0" y="7020000"/>
            <a:ext cx="0" cy="0"/>
          </a:xfrm>
          <a:prstGeom prst="rect">
            <a:avLst/>
          </a:prstGeom>
        </p:spPr>
        <p:txBody>
          <a:bodyPr/>
          <a:lstStyle>
            <a:lvl1pPr>
              <a:defRPr sz="100">
                <a:noFill/>
              </a:defRPr>
            </a:lvl1pPr>
          </a:lstStyle>
          <a:p>
            <a:endParaRPr lang="en-GB"/>
          </a:p>
        </p:txBody>
      </p:sp>
      <p:sp>
        <p:nvSpPr>
          <p:cNvPr id="21" name="Slide Number Placeholder 5" hidden="1"/>
          <p:cNvSpPr>
            <a:spLocks noGrp="1"/>
          </p:cNvSpPr>
          <p:nvPr>
            <p:ph type="sldNum" sz="quarter" idx="17"/>
          </p:nvPr>
        </p:nvSpPr>
        <p:spPr>
          <a:xfrm>
            <a:off x="0" y="7020000"/>
            <a:ext cx="0" cy="0"/>
          </a:xfrm>
          <a:prstGeom prst="rect">
            <a:avLst/>
          </a:prstGeom>
        </p:spPr>
        <p:txBody>
          <a:bodyPr/>
          <a:lstStyle>
            <a:lvl1pPr>
              <a:defRPr sz="100">
                <a:noFill/>
              </a:defRPr>
            </a:lvl1pPr>
          </a:lstStyle>
          <a:p>
            <a:fld id="{24C8C45C-947F-4981-8B3F-4F32E973C901}" type="slidenum">
              <a:rPr lang="en-GB" smtClean="0"/>
              <a:pPr/>
              <a:t>‹#›</a:t>
            </a:fld>
            <a:endParaRPr lang="en-GB"/>
          </a:p>
        </p:txBody>
      </p:sp>
      <p:sp>
        <p:nvSpPr>
          <p:cNvPr id="11" name="TextBox 10"/>
          <p:cNvSpPr txBox="1"/>
          <p:nvPr userDrawn="1"/>
        </p:nvSpPr>
        <p:spPr>
          <a:xfrm>
            <a:off x="9493086" y="5985518"/>
            <a:ext cx="2056279" cy="246221"/>
          </a:xfrm>
          <a:prstGeom prst="rect">
            <a:avLst/>
          </a:prstGeom>
          <a:noFill/>
        </p:spPr>
        <p:txBody>
          <a:bodyPr wrap="square" lIns="0" tIns="0" rIns="0" bIns="0" rtlCol="0">
            <a:spAutoFit/>
          </a:bodyPr>
          <a:lstStyle/>
          <a:p>
            <a:pPr algn="r"/>
            <a:r>
              <a:rPr lang="en-GB" sz="1600">
                <a:solidFill>
                  <a:schemeClr val="bg1"/>
                </a:solidFill>
              </a:rPr>
              <a:t>milestonesys.com</a:t>
            </a:r>
            <a:endParaRPr lang="en-GB"/>
          </a:p>
        </p:txBody>
      </p:sp>
      <p:sp>
        <p:nvSpPr>
          <p:cNvPr id="27" name="Facebook cirkel"/>
          <p:cNvSpPr/>
          <p:nvPr userDrawn="1"/>
        </p:nvSpPr>
        <p:spPr>
          <a:xfrm>
            <a:off x="10289217" y="6357668"/>
            <a:ext cx="256478" cy="256478"/>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28" name="Facebook"/>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10381789" y="6417507"/>
            <a:ext cx="71335" cy="136800"/>
          </a:xfrm>
          <a:prstGeom prst="rect">
            <a:avLst/>
          </a:prstGeom>
        </p:spPr>
      </p:pic>
      <p:sp>
        <p:nvSpPr>
          <p:cNvPr id="32" name="LinkIn cirkel"/>
          <p:cNvSpPr/>
          <p:nvPr userDrawn="1"/>
        </p:nvSpPr>
        <p:spPr>
          <a:xfrm>
            <a:off x="10618368" y="6357668"/>
            <a:ext cx="256478" cy="256478"/>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29" name="LinkIn"/>
          <p:cNvPicPr>
            <a:picLocks noChangeAspect="1"/>
          </p:cNvPicPr>
          <p:nvPr userDrawn="1"/>
        </p:nvPicPr>
        <p:blipFill>
          <a:blip r:embed="rId6" cstate="screen">
            <a:extLst>
              <a:ext uri="{28A0092B-C50C-407E-A947-70E740481C1C}">
                <a14:useLocalDpi xmlns:a14="http://schemas.microsoft.com/office/drawing/2010/main"/>
              </a:ext>
            </a:extLst>
          </a:blip>
          <a:stretch>
            <a:fillRect/>
          </a:stretch>
        </p:blipFill>
        <p:spPr>
          <a:xfrm>
            <a:off x="10677535" y="6416835"/>
            <a:ext cx="129600" cy="129600"/>
          </a:xfrm>
          <a:prstGeom prst="rect">
            <a:avLst/>
          </a:prstGeom>
        </p:spPr>
      </p:pic>
      <p:sp>
        <p:nvSpPr>
          <p:cNvPr id="33" name="Twitter cirkel"/>
          <p:cNvSpPr/>
          <p:nvPr userDrawn="1"/>
        </p:nvSpPr>
        <p:spPr>
          <a:xfrm>
            <a:off x="10947519" y="6357668"/>
            <a:ext cx="256478" cy="256478"/>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0" name="Twitter"/>
          <p:cNvPicPr>
            <a:picLocks noChangeAspect="1"/>
          </p:cNvPicPr>
          <p:nvPr userDrawn="1"/>
        </p:nvPicPr>
        <p:blipFill>
          <a:blip r:embed="rId7" cstate="screen">
            <a:extLst>
              <a:ext uri="{28A0092B-C50C-407E-A947-70E740481C1C}">
                <a14:useLocalDpi xmlns:a14="http://schemas.microsoft.com/office/drawing/2010/main"/>
              </a:ext>
            </a:extLst>
          </a:blip>
          <a:stretch>
            <a:fillRect/>
          </a:stretch>
        </p:blipFill>
        <p:spPr>
          <a:xfrm>
            <a:off x="11013487" y="6433477"/>
            <a:ext cx="133091" cy="108000"/>
          </a:xfrm>
          <a:prstGeom prst="rect">
            <a:avLst/>
          </a:prstGeom>
        </p:spPr>
      </p:pic>
      <p:sp>
        <p:nvSpPr>
          <p:cNvPr id="34" name="Youtube cirkel"/>
          <p:cNvSpPr/>
          <p:nvPr userDrawn="1"/>
        </p:nvSpPr>
        <p:spPr>
          <a:xfrm>
            <a:off x="11276671" y="6357668"/>
            <a:ext cx="256478" cy="256478"/>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1" name="Youtube"/>
          <p:cNvPicPr>
            <a:picLocks noChangeAspect="1"/>
          </p:cNvPicPr>
          <p:nvPr userDrawn="1"/>
        </p:nvPicPr>
        <p:blipFill>
          <a:blip r:embed="rId8" cstate="screen">
            <a:extLst>
              <a:ext uri="{28A0092B-C50C-407E-A947-70E740481C1C}">
                <a14:useLocalDpi xmlns:a14="http://schemas.microsoft.com/office/drawing/2010/main"/>
              </a:ext>
            </a:extLst>
          </a:blip>
          <a:stretch>
            <a:fillRect/>
          </a:stretch>
        </p:blipFill>
        <p:spPr>
          <a:xfrm>
            <a:off x="11341205" y="6440907"/>
            <a:ext cx="127411" cy="90000"/>
          </a:xfrm>
          <a:prstGeom prst="rect">
            <a:avLst/>
          </a:prstGeom>
        </p:spPr>
      </p:pic>
      <p:sp>
        <p:nvSpPr>
          <p:cNvPr id="2" name="Tekstfelt 1"/>
          <p:cNvSpPr txBox="1"/>
          <p:nvPr userDrawn="1"/>
        </p:nvSpPr>
        <p:spPr>
          <a:xfrm>
            <a:off x="2333625" y="6139353"/>
            <a:ext cx="7086787" cy="477054"/>
          </a:xfrm>
          <a:prstGeom prst="rect">
            <a:avLst/>
          </a:prstGeom>
          <a:noFill/>
        </p:spPr>
        <p:txBody>
          <a:bodyPr wrap="square" lIns="0" tIns="0" rIns="0" bIns="0" rtlCol="0" anchor="b" anchorCtr="0">
            <a:spAutoFit/>
          </a:bodyPr>
          <a:lstStyle/>
          <a:p>
            <a:pPr lvl="0" algn="just"/>
            <a:r>
              <a:rPr lang="en-GB" sz="500">
                <a:solidFill>
                  <a:schemeClr val="bg1"/>
                </a:solidFill>
                <a:latin typeface="Open Sans" panose="020B0606030504020204" pitchFamily="34" charset="0"/>
                <a:ea typeface="Open Sans" panose="020B0606030504020204" pitchFamily="34" charset="0"/>
                <a:cs typeface="Open Sans" panose="020B0606030504020204" pitchFamily="34" charset="0"/>
              </a:rPr>
              <a:t>This publication contains information concerning Milestone Systems A/S and its affiliates that may be useful to Milestone’s customers, suppliers, employees as well members of the general public.  However, in referencing this publication you are accepting all of the terms of this disclaimer notice, including exclusions and limitations of liability. If you do not agree with anything in this notice, you should not use, or reference, this publication. While reasonable efforts are made to ensure that the contents of this publication are accurate, this publication and its contents are provided on an “as is,” “as available” basis, without warranties of any kind, including any warranty that the publication will be kept up to date, be true and not misleading, or that the publication will always (or ever) be available for use. Milestone and its affiliates disclaim all warranties, express or implied, with respect to the publication and its contents, including, without limitation, any warranties of accuracy (to include any forward-looking statements based on assumptions), completeness, timeliness, non-infringement, title, merchantability, or fitness for a particular purpose. Because some jurisdictions do not permit the exclusion of certain warranties, these exclusions may not apply to you</a:t>
            </a:r>
            <a:endParaRPr lang="en-GB" sz="1600"/>
          </a:p>
        </p:txBody>
      </p:sp>
      <p:sp>
        <p:nvSpPr>
          <p:cNvPr id="22" name="Graphics Placeholder"/>
          <p:cNvSpPr>
            <a:spLocks noGrp="1"/>
          </p:cNvSpPr>
          <p:nvPr>
            <p:ph type="body" sz="quarter" idx="15" hasCustomPrompt="1"/>
          </p:nvPr>
        </p:nvSpPr>
        <p:spPr>
          <a:xfrm>
            <a:off x="7214759" y="4539"/>
            <a:ext cx="4928400" cy="2368800"/>
          </a:xfrm>
          <a:prstGeom prst="rect">
            <a:avLst/>
          </a:prstGeom>
          <a:blipFill>
            <a:blip r:embed="rId9"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g</a:t>
            </a:r>
            <a:endParaRPr lang="en-GB"/>
          </a:p>
        </p:txBody>
      </p:sp>
      <p:sp>
        <p:nvSpPr>
          <p:cNvPr id="23" name="Text Placeholder 2"/>
          <p:cNvSpPr>
            <a:spLocks noGrp="1"/>
          </p:cNvSpPr>
          <p:nvPr>
            <p:ph type="body" sz="quarter" idx="23" hasCustomPrompt="1"/>
          </p:nvPr>
        </p:nvSpPr>
        <p:spPr>
          <a:xfrm>
            <a:off x="245608" y="273900"/>
            <a:ext cx="1746504" cy="978408"/>
          </a:xfrm>
          <a:prstGeom prst="rect">
            <a:avLst/>
          </a:prstGeom>
          <a:blipFill dpi="0" rotWithShape="1">
            <a:blip r:embed="rId10"/>
            <a:srcRect/>
            <a:stretch>
              <a:fillRect/>
            </a:stretch>
          </a:blipFill>
        </p:spPr>
        <p:txBody>
          <a:bodyPr>
            <a:normAutofit/>
          </a:bodyPr>
          <a:lstStyle>
            <a:lvl1pPr>
              <a:defRPr sz="100"/>
            </a:lvl1pPr>
          </a:lstStyle>
          <a:p>
            <a:pPr lvl="0"/>
            <a:r>
              <a:rPr lang="en-GB"/>
              <a:t>.</a:t>
            </a:r>
          </a:p>
        </p:txBody>
      </p:sp>
    </p:spTree>
    <p:extLst>
      <p:ext uri="{BB962C8B-B14F-4D97-AF65-F5344CB8AC3E}">
        <p14:creationId xmlns:p14="http://schemas.microsoft.com/office/powerpoint/2010/main" val="419224831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User guide II">
    <p:spTree>
      <p:nvGrpSpPr>
        <p:cNvPr id="1" name=""/>
        <p:cNvGrpSpPr/>
        <p:nvPr/>
      </p:nvGrpSpPr>
      <p:grpSpPr>
        <a:xfrm>
          <a:off x="0" y="0"/>
          <a:ext cx="0" cy="0"/>
          <a:chOff x="0" y="0"/>
          <a:chExt cx="0" cy="0"/>
        </a:xfrm>
      </p:grpSpPr>
      <p:sp>
        <p:nvSpPr>
          <p:cNvPr id="9" name="Header"/>
          <p:cNvSpPr txBox="1"/>
          <p:nvPr userDrawn="1"/>
        </p:nvSpPr>
        <p:spPr>
          <a:xfrm>
            <a:off x="444500" y="539750"/>
            <a:ext cx="11204573" cy="650171"/>
          </a:xfrm>
          <a:prstGeom prst="rect">
            <a:avLst/>
          </a:prstGeom>
          <a:noFill/>
        </p:spPr>
        <p:txBody>
          <a:bodyPr wrap="square" lIns="0" tIns="0" rIns="0" bIns="0" rtlCol="0" anchor="b" anchorCtr="0">
            <a:noAutofit/>
          </a:bodyPr>
          <a:lstStyle/>
          <a:p>
            <a:r>
              <a:rPr kumimoji="0" lang="en-GB" sz="3200" b="0" i="0" u="none" strike="noStrike" kern="1200" cap="none" spc="0" normalizeH="0" baseline="0" noProof="0">
                <a:ln>
                  <a:noFill/>
                </a:ln>
                <a:solidFill>
                  <a:prstClr val="black"/>
                </a:solidFill>
                <a:effectLst/>
                <a:uLnTx/>
                <a:uFillTx/>
                <a:latin typeface="Arial" panose="020B0604020202020204" pitchFamily="34" charset="0"/>
                <a:ea typeface="+mj-ea"/>
                <a:cs typeface="Arial" panose="020B0604020202020204" pitchFamily="34" charset="0"/>
              </a:rPr>
              <a:t>User guide – delete before use</a:t>
            </a:r>
            <a:endParaRPr lang="en-GB" sz="1800"/>
          </a:p>
        </p:txBody>
      </p:sp>
      <p:pic>
        <p:nvPicPr>
          <p:cNvPr id="14" name="Picture 13"/>
          <p:cNvPicPr>
            <a:picLocks noChangeAspect="1"/>
          </p:cNvPicPr>
          <p:nvPr userDrawn="1"/>
        </p:nvPicPr>
        <p:blipFill>
          <a:blip r:embed="rId2"/>
          <a:stretch>
            <a:fillRect/>
          </a:stretch>
        </p:blipFill>
        <p:spPr>
          <a:xfrm>
            <a:off x="7014828" y="5118466"/>
            <a:ext cx="1643107" cy="1530344"/>
          </a:xfrm>
          <a:prstGeom prst="rect">
            <a:avLst/>
          </a:prstGeom>
        </p:spPr>
      </p:pic>
      <p:pic>
        <p:nvPicPr>
          <p:cNvPr id="15" name="Picture 14"/>
          <p:cNvPicPr>
            <a:picLocks noChangeAspect="1"/>
          </p:cNvPicPr>
          <p:nvPr userDrawn="1"/>
        </p:nvPicPr>
        <p:blipFill>
          <a:blip r:embed="rId2"/>
          <a:stretch>
            <a:fillRect/>
          </a:stretch>
        </p:blipFill>
        <p:spPr>
          <a:xfrm>
            <a:off x="7019546" y="3004167"/>
            <a:ext cx="1643107" cy="1530344"/>
          </a:xfrm>
          <a:prstGeom prst="rect">
            <a:avLst/>
          </a:prstGeom>
        </p:spPr>
      </p:pic>
      <p:sp>
        <p:nvSpPr>
          <p:cNvPr id="18" name="TextBox 17"/>
          <p:cNvSpPr txBox="1"/>
          <p:nvPr userDrawn="1"/>
        </p:nvSpPr>
        <p:spPr>
          <a:xfrm>
            <a:off x="444500" y="2232210"/>
            <a:ext cx="3677134" cy="2800767"/>
          </a:xfrm>
          <a:prstGeom prst="rect">
            <a:avLst/>
          </a:prstGeom>
          <a:noFill/>
        </p:spPr>
        <p:txBody>
          <a:bodyPr wrap="square" lIns="0" tIns="0" rIns="0" bIns="0" rtlCol="0">
            <a:spAutoFit/>
          </a:bodyPr>
          <a:lstStyle/>
          <a:p>
            <a:pPr>
              <a:lnSpc>
                <a:spcPct val="130000"/>
              </a:lnSpc>
            </a:pPr>
            <a:r>
              <a:rPr lang="en-GB" sz="1400" b="1">
                <a:solidFill>
                  <a:schemeClr val="tx1"/>
                </a:solidFill>
                <a:latin typeface="Arial" panose="020B0604020202020204" pitchFamily="34" charset="0"/>
                <a:cs typeface="Arial" panose="020B0604020202020204" pitchFamily="34" charset="0"/>
              </a:rPr>
              <a:t>Choose layout on new slide</a:t>
            </a:r>
            <a:endParaRPr lang="en-GB"/>
          </a:p>
          <a:p>
            <a:pPr>
              <a:lnSpc>
                <a:spcPct val="130000"/>
              </a:lnSpc>
            </a:pPr>
            <a:r>
              <a:rPr lang="en-GB" sz="1400" b="1">
                <a:solidFill>
                  <a:schemeClr val="tx1"/>
                </a:solidFill>
                <a:latin typeface="Arial" panose="020B0604020202020204" pitchFamily="34" charset="0"/>
                <a:cs typeface="Arial" panose="020B0604020202020204" pitchFamily="34" charset="0"/>
              </a:rPr>
              <a:t>1. </a:t>
            </a:r>
            <a:r>
              <a:rPr lang="en-GB" sz="1400">
                <a:solidFill>
                  <a:schemeClr val="tx1"/>
                </a:solidFill>
                <a:latin typeface="Arial" panose="020B0604020202020204" pitchFamily="34" charset="0"/>
                <a:cs typeface="Arial" panose="020B0604020202020204" pitchFamily="34" charset="0"/>
              </a:rPr>
              <a:t>Select an appropriate layout from the layouts gallery </a:t>
            </a:r>
            <a:br>
              <a:rPr lang="en-GB" sz="1400">
                <a:solidFill>
                  <a:schemeClr val="tx1"/>
                </a:solidFill>
                <a:latin typeface="Arial" panose="020B0604020202020204" pitchFamily="34" charset="0"/>
                <a:cs typeface="Arial" panose="020B0604020202020204" pitchFamily="34" charset="0"/>
              </a:rPr>
            </a:br>
            <a:r>
              <a:rPr lang="en-GB" sz="1400">
                <a:solidFill>
                  <a:schemeClr val="tx1"/>
                </a:solidFill>
                <a:latin typeface="Arial" panose="020B0604020202020204" pitchFamily="34" charset="0"/>
                <a:cs typeface="Arial" panose="020B0604020202020204" pitchFamily="34" charset="0"/>
              </a:rPr>
              <a:t>(Click in bottom of the New Slide button)</a:t>
            </a:r>
            <a:endParaRPr lang="en-GB"/>
          </a:p>
          <a:p>
            <a:pPr>
              <a:lnSpc>
                <a:spcPct val="130000"/>
              </a:lnSpc>
            </a:pPr>
            <a:endParaRPr lang="en-GB" sz="1400" b="1">
              <a:solidFill>
                <a:schemeClr val="tx1"/>
              </a:solidFill>
              <a:latin typeface="Arial" panose="020B0604020202020204" pitchFamily="34" charset="0"/>
              <a:cs typeface="Arial" panose="020B0604020202020204" pitchFamily="34" charset="0"/>
            </a:endParaRPr>
          </a:p>
          <a:p>
            <a:pPr>
              <a:lnSpc>
                <a:spcPct val="130000"/>
              </a:lnSpc>
            </a:pPr>
            <a:r>
              <a:rPr lang="en-GB" sz="1400" b="1">
                <a:solidFill>
                  <a:schemeClr val="tx1"/>
                </a:solidFill>
                <a:latin typeface="Arial" panose="020B0604020202020204" pitchFamily="34" charset="0"/>
                <a:cs typeface="Arial" panose="020B0604020202020204" pitchFamily="34" charset="0"/>
              </a:rPr>
              <a:t>Change layout of an existing slide</a:t>
            </a:r>
            <a:endParaRPr lang="en-GB"/>
          </a:p>
          <a:p>
            <a:pPr>
              <a:lnSpc>
                <a:spcPct val="130000"/>
              </a:lnSpc>
            </a:pPr>
            <a:r>
              <a:rPr lang="en-GB" sz="1400" b="1">
                <a:solidFill>
                  <a:schemeClr val="tx1"/>
                </a:solidFill>
                <a:latin typeface="Arial" panose="020B0604020202020204" pitchFamily="34" charset="0"/>
                <a:cs typeface="Arial" panose="020B0604020202020204" pitchFamily="34" charset="0"/>
              </a:rPr>
              <a:t>1. </a:t>
            </a:r>
            <a:r>
              <a:rPr lang="en-GB" sz="1400">
                <a:solidFill>
                  <a:schemeClr val="tx1"/>
                </a:solidFill>
                <a:latin typeface="Arial" panose="020B0604020202020204" pitchFamily="34" charset="0"/>
                <a:cs typeface="Arial" panose="020B0604020202020204" pitchFamily="34" charset="0"/>
              </a:rPr>
              <a:t>Select </a:t>
            </a:r>
            <a:r>
              <a:rPr lang="en-GB" sz="1400" b="1">
                <a:solidFill>
                  <a:schemeClr val="tx1"/>
                </a:solidFill>
                <a:latin typeface="Arial" panose="020B0604020202020204" pitchFamily="34" charset="0"/>
                <a:cs typeface="Arial" panose="020B0604020202020204" pitchFamily="34" charset="0"/>
              </a:rPr>
              <a:t>Layout</a:t>
            </a:r>
            <a:r>
              <a:rPr lang="en-GB" sz="1400">
                <a:solidFill>
                  <a:schemeClr val="tx1"/>
                </a:solidFill>
                <a:latin typeface="Arial" panose="020B0604020202020204" pitchFamily="34" charset="0"/>
                <a:cs typeface="Arial" panose="020B0604020202020204" pitchFamily="34" charset="0"/>
              </a:rPr>
              <a:t> next to </a:t>
            </a:r>
            <a:br>
              <a:rPr lang="en-GB" sz="1400">
                <a:solidFill>
                  <a:schemeClr val="tx1"/>
                </a:solidFill>
                <a:latin typeface="Arial" panose="020B0604020202020204" pitchFamily="34" charset="0"/>
                <a:cs typeface="Arial" panose="020B0604020202020204" pitchFamily="34" charset="0"/>
              </a:rPr>
            </a:br>
            <a:r>
              <a:rPr lang="en-GB" sz="1400">
                <a:solidFill>
                  <a:schemeClr val="tx1"/>
                </a:solidFill>
                <a:latin typeface="Arial" panose="020B0604020202020204" pitchFamily="34" charset="0"/>
                <a:cs typeface="Arial" panose="020B0604020202020204" pitchFamily="34" charset="0"/>
              </a:rPr>
              <a:t>New Slide-button or right click outside slide </a:t>
            </a:r>
            <a:endParaRPr lang="en-GB" sz="1400" b="1">
              <a:solidFill>
                <a:schemeClr val="tx1"/>
              </a:solidFill>
              <a:latin typeface="Arial" panose="020B0604020202020204" pitchFamily="34" charset="0"/>
              <a:cs typeface="Arial" panose="020B0604020202020204" pitchFamily="34" charset="0"/>
            </a:endParaRPr>
          </a:p>
          <a:p>
            <a:pPr>
              <a:lnSpc>
                <a:spcPct val="130000"/>
              </a:lnSpc>
            </a:pPr>
            <a:r>
              <a:rPr lang="en-GB" sz="1400" b="1">
                <a:solidFill>
                  <a:schemeClr val="tx1"/>
                </a:solidFill>
                <a:latin typeface="Arial" panose="020B0604020202020204" pitchFamily="34" charset="0"/>
                <a:cs typeface="Arial" panose="020B0604020202020204" pitchFamily="34" charset="0"/>
              </a:rPr>
              <a:t>2. </a:t>
            </a:r>
            <a:r>
              <a:rPr lang="en-GB" sz="1400">
                <a:solidFill>
                  <a:schemeClr val="tx1"/>
                </a:solidFill>
                <a:latin typeface="Arial" panose="020B0604020202020204" pitchFamily="34" charset="0"/>
                <a:cs typeface="Arial" panose="020B0604020202020204" pitchFamily="34" charset="0"/>
              </a:rPr>
              <a:t>Choose a suitable layout from the drop-down menu</a:t>
            </a:r>
            <a:endParaRPr lang="en-GB"/>
          </a:p>
        </p:txBody>
      </p:sp>
      <p:sp>
        <p:nvSpPr>
          <p:cNvPr id="20" name="TextBox 19"/>
          <p:cNvSpPr txBox="1"/>
          <p:nvPr userDrawn="1"/>
        </p:nvSpPr>
        <p:spPr>
          <a:xfrm>
            <a:off x="7014828" y="2256078"/>
            <a:ext cx="4701550" cy="280077"/>
          </a:xfrm>
          <a:prstGeom prst="rect">
            <a:avLst/>
          </a:prstGeom>
          <a:noFill/>
        </p:spPr>
        <p:txBody>
          <a:bodyPr wrap="square" lIns="0" tIns="0" rIns="0" bIns="0" rtlCol="0">
            <a:spAutoFit/>
          </a:bodyPr>
          <a:lstStyle/>
          <a:p>
            <a:pPr>
              <a:lnSpc>
                <a:spcPct val="130000"/>
              </a:lnSpc>
            </a:pPr>
            <a:r>
              <a:rPr lang="en-GB" sz="1400" kern="1200">
                <a:solidFill>
                  <a:schemeClr val="tx1"/>
                </a:solidFill>
                <a:latin typeface="Arial" panose="020B0604020202020204" pitchFamily="34" charset="0"/>
                <a:ea typeface="+mn-ea"/>
                <a:cs typeface="Arial" panose="020B0604020202020204" pitchFamily="34" charset="0"/>
              </a:rPr>
              <a:t>Use Milestone </a:t>
            </a:r>
            <a:r>
              <a:rPr lang="en-GB" sz="1400" kern="1200" err="1">
                <a:solidFill>
                  <a:schemeClr val="tx1"/>
                </a:solidFill>
                <a:latin typeface="Arial" panose="020B0604020202020204" pitchFamily="34" charset="0"/>
                <a:ea typeface="+mn-ea"/>
                <a:cs typeface="Arial" panose="020B0604020202020204" pitchFamily="34" charset="0"/>
              </a:rPr>
              <a:t>colors</a:t>
            </a:r>
            <a:endParaRPr lang="en-GB" sz="1400" kern="1200">
              <a:solidFill>
                <a:schemeClr val="tx1"/>
              </a:solidFill>
              <a:latin typeface="Arial" panose="020B0604020202020204" pitchFamily="34" charset="0"/>
              <a:ea typeface="+mn-ea"/>
              <a:cs typeface="Arial" panose="020B0604020202020204" pitchFamily="34" charset="0"/>
            </a:endParaRPr>
          </a:p>
        </p:txBody>
      </p:sp>
      <p:pic>
        <p:nvPicPr>
          <p:cNvPr id="22" name="Picture 4" descr="C:\Users\mtc\AppData\Local\Temp\SNAGHTML1a4655b7.PNG"/>
          <p:cNvPicPr>
            <a:picLocks noChangeAspect="1" noChangeArrowheads="1"/>
          </p:cNvPicPr>
          <p:nvPr userDrawn="1"/>
        </p:nvPicPr>
        <p:blipFill rotWithShape="1">
          <a:blip r:embed="rId3" cstate="screen">
            <a:extLst>
              <a:ext uri="{28A0092B-C50C-407E-A947-70E740481C1C}">
                <a14:useLocalDpi xmlns:a14="http://schemas.microsoft.com/office/drawing/2010/main"/>
              </a:ext>
            </a:extLst>
          </a:blip>
          <a:srcRect/>
          <a:stretch/>
        </p:blipFill>
        <p:spPr bwMode="auto">
          <a:xfrm>
            <a:off x="7014828" y="2773030"/>
            <a:ext cx="1647825" cy="218648"/>
          </a:xfrm>
          <a:prstGeom prst="rect">
            <a:avLst/>
          </a:prstGeom>
          <a:noFill/>
          <a:extLst>
            <a:ext uri="{909E8E84-426E-40DD-AFC4-6F175D3DCCD1}">
              <a14:hiddenFill xmlns:a14="http://schemas.microsoft.com/office/drawing/2010/main">
                <a:solidFill>
                  <a:srgbClr val="FFFFFF"/>
                </a:solidFill>
              </a14:hiddenFill>
            </a:ext>
          </a:extLst>
        </p:spPr>
      </p:pic>
      <p:sp>
        <p:nvSpPr>
          <p:cNvPr id="24" name="Rounded Rectangle 23"/>
          <p:cNvSpPr/>
          <p:nvPr userDrawn="1"/>
        </p:nvSpPr>
        <p:spPr>
          <a:xfrm>
            <a:off x="6933363" y="3144573"/>
            <a:ext cx="1921222" cy="291402"/>
          </a:xfrm>
          <a:prstGeom prst="roundRect">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30000"/>
              </a:lnSpc>
            </a:pPr>
            <a:endParaRPr lang="en-GB" sz="2000" err="1"/>
          </a:p>
        </p:txBody>
      </p:sp>
      <p:cxnSp>
        <p:nvCxnSpPr>
          <p:cNvPr id="26" name="Straight Connector 25"/>
          <p:cNvCxnSpPr/>
          <p:nvPr userDrawn="1"/>
        </p:nvCxnSpPr>
        <p:spPr>
          <a:xfrm>
            <a:off x="6933363" y="4249345"/>
            <a:ext cx="1818751" cy="259306"/>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27" name="Straight Connector 26"/>
          <p:cNvCxnSpPr/>
          <p:nvPr userDrawn="1"/>
        </p:nvCxnSpPr>
        <p:spPr>
          <a:xfrm flipV="1">
            <a:off x="7014828" y="4249345"/>
            <a:ext cx="1737286" cy="331595"/>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30" name="TextBox 29"/>
          <p:cNvSpPr txBox="1"/>
          <p:nvPr userDrawn="1"/>
        </p:nvSpPr>
        <p:spPr>
          <a:xfrm>
            <a:off x="8940135" y="3177142"/>
            <a:ext cx="2659748" cy="280077"/>
          </a:xfrm>
          <a:prstGeom prst="rect">
            <a:avLst/>
          </a:prstGeom>
          <a:noFill/>
        </p:spPr>
        <p:txBody>
          <a:bodyPr wrap="square" lIns="0" tIns="0" rIns="0" bIns="0" rtlCol="0">
            <a:spAutoFit/>
          </a:bodyPr>
          <a:lstStyle/>
          <a:p>
            <a:pPr>
              <a:lnSpc>
                <a:spcPct val="130000"/>
              </a:lnSpc>
            </a:pPr>
            <a:r>
              <a:rPr lang="en-GB" sz="1400" kern="1200">
                <a:solidFill>
                  <a:schemeClr val="tx1"/>
                </a:solidFill>
                <a:latin typeface="Arial" panose="020B0604020202020204" pitchFamily="34" charset="0"/>
                <a:ea typeface="+mn-ea"/>
                <a:cs typeface="Arial" panose="020B0604020202020204" pitchFamily="34" charset="0"/>
              </a:rPr>
              <a:t>Use </a:t>
            </a:r>
            <a:r>
              <a:rPr lang="en-GB" sz="1400" kern="1200" err="1">
                <a:solidFill>
                  <a:schemeClr val="tx1"/>
                </a:solidFill>
                <a:latin typeface="Arial" panose="020B0604020202020204" pitchFamily="34" charset="0"/>
                <a:ea typeface="+mn-ea"/>
                <a:cs typeface="Arial" panose="020B0604020202020204" pitchFamily="34" charset="0"/>
              </a:rPr>
              <a:t>colors</a:t>
            </a:r>
            <a:r>
              <a:rPr lang="en-GB" sz="1400" kern="1200">
                <a:solidFill>
                  <a:schemeClr val="tx1"/>
                </a:solidFill>
                <a:latin typeface="Arial" panose="020B0604020202020204" pitchFamily="34" charset="0"/>
                <a:ea typeface="+mn-ea"/>
                <a:cs typeface="Arial" panose="020B0604020202020204" pitchFamily="34" charset="0"/>
              </a:rPr>
              <a:t> from top row</a:t>
            </a:r>
            <a:endParaRPr lang="en-GB"/>
          </a:p>
        </p:txBody>
      </p:sp>
      <p:sp>
        <p:nvSpPr>
          <p:cNvPr id="31" name="TextBox 30"/>
          <p:cNvSpPr txBox="1"/>
          <p:nvPr userDrawn="1"/>
        </p:nvSpPr>
        <p:spPr>
          <a:xfrm>
            <a:off x="8940135" y="4232451"/>
            <a:ext cx="2659748" cy="280077"/>
          </a:xfrm>
          <a:prstGeom prst="rect">
            <a:avLst/>
          </a:prstGeom>
          <a:noFill/>
        </p:spPr>
        <p:txBody>
          <a:bodyPr wrap="square" lIns="0" tIns="0" rIns="0" bIns="0" rtlCol="0">
            <a:spAutoFit/>
          </a:bodyPr>
          <a:lstStyle/>
          <a:p>
            <a:pPr>
              <a:lnSpc>
                <a:spcPct val="130000"/>
              </a:lnSpc>
            </a:pPr>
            <a:r>
              <a:rPr lang="en-GB" sz="1400" kern="1200">
                <a:solidFill>
                  <a:schemeClr val="tx1"/>
                </a:solidFill>
                <a:latin typeface="Arial" panose="020B0604020202020204" pitchFamily="34" charset="0"/>
                <a:ea typeface="+mn-ea"/>
                <a:cs typeface="Arial" panose="020B0604020202020204" pitchFamily="34" charset="0"/>
              </a:rPr>
              <a:t>Do not use these </a:t>
            </a:r>
            <a:r>
              <a:rPr lang="en-GB" sz="1400" kern="1200" err="1">
                <a:solidFill>
                  <a:schemeClr val="tx1"/>
                </a:solidFill>
                <a:latin typeface="Arial" panose="020B0604020202020204" pitchFamily="34" charset="0"/>
                <a:ea typeface="+mn-ea"/>
                <a:cs typeface="Arial" panose="020B0604020202020204" pitchFamily="34" charset="0"/>
              </a:rPr>
              <a:t>colors</a:t>
            </a:r>
            <a:endParaRPr lang="en-GB" sz="1400" kern="1200">
              <a:solidFill>
                <a:schemeClr val="tx1"/>
              </a:solidFill>
              <a:latin typeface="Arial" panose="020B0604020202020204" pitchFamily="34" charset="0"/>
              <a:ea typeface="+mn-ea"/>
              <a:cs typeface="Arial" panose="020B0604020202020204" pitchFamily="34" charset="0"/>
            </a:endParaRPr>
          </a:p>
        </p:txBody>
      </p:sp>
      <p:sp>
        <p:nvSpPr>
          <p:cNvPr id="32" name="Rounded Rectangle 31"/>
          <p:cNvSpPr/>
          <p:nvPr userDrawn="1"/>
        </p:nvSpPr>
        <p:spPr>
          <a:xfrm>
            <a:off x="7657537" y="5311654"/>
            <a:ext cx="204315" cy="208078"/>
          </a:xfrm>
          <a:prstGeom prst="roundRect">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30000"/>
              </a:lnSpc>
            </a:pPr>
            <a:endParaRPr lang="en-GB" sz="2000" err="1"/>
          </a:p>
        </p:txBody>
      </p:sp>
      <p:sp>
        <p:nvSpPr>
          <p:cNvPr id="33" name="TextBox 32"/>
          <p:cNvSpPr txBox="1"/>
          <p:nvPr userDrawn="1"/>
        </p:nvSpPr>
        <p:spPr>
          <a:xfrm>
            <a:off x="8940135" y="5257335"/>
            <a:ext cx="2659748" cy="280077"/>
          </a:xfrm>
          <a:prstGeom prst="rect">
            <a:avLst/>
          </a:prstGeom>
          <a:noFill/>
        </p:spPr>
        <p:txBody>
          <a:bodyPr wrap="square" lIns="0" tIns="0" rIns="0" bIns="0" rtlCol="0">
            <a:spAutoFit/>
          </a:bodyPr>
          <a:lstStyle/>
          <a:p>
            <a:pPr>
              <a:lnSpc>
                <a:spcPct val="130000"/>
              </a:lnSpc>
            </a:pPr>
            <a:r>
              <a:rPr lang="en-GB" sz="1400" kern="1200">
                <a:solidFill>
                  <a:schemeClr val="tx1"/>
                </a:solidFill>
                <a:latin typeface="Arial" panose="020B0604020202020204" pitchFamily="34" charset="0"/>
                <a:ea typeface="+mn-ea"/>
                <a:cs typeface="Arial" panose="020B0604020202020204" pitchFamily="34" charset="0"/>
              </a:rPr>
              <a:t>Text </a:t>
            </a:r>
            <a:r>
              <a:rPr lang="en-GB" sz="1400" kern="1200" err="1">
                <a:solidFill>
                  <a:schemeClr val="tx1"/>
                </a:solidFill>
                <a:latin typeface="Arial" panose="020B0604020202020204" pitchFamily="34" charset="0"/>
                <a:ea typeface="+mn-ea"/>
                <a:cs typeface="Arial" panose="020B0604020202020204" pitchFamily="34" charset="0"/>
              </a:rPr>
              <a:t>color</a:t>
            </a:r>
            <a:endParaRPr lang="en-GB" sz="1400" kern="1200">
              <a:solidFill>
                <a:schemeClr val="tx1"/>
              </a:solidFill>
              <a:latin typeface="Arial" panose="020B0604020202020204" pitchFamily="34" charset="0"/>
              <a:ea typeface="+mn-ea"/>
              <a:cs typeface="Arial" panose="020B0604020202020204" pitchFamily="34" charset="0"/>
            </a:endParaRPr>
          </a:p>
        </p:txBody>
      </p:sp>
      <p:pic>
        <p:nvPicPr>
          <p:cNvPr id="34" name="Picture 4" descr="C:\Users\mtc\AppData\Local\Temp\SNAGHTML1a4655b7.PNG"/>
          <p:cNvPicPr>
            <a:picLocks noChangeAspect="1" noChangeArrowheads="1"/>
          </p:cNvPicPr>
          <p:nvPr userDrawn="1"/>
        </p:nvPicPr>
        <p:blipFill rotWithShape="1">
          <a:blip r:embed="rId3" cstate="screen">
            <a:extLst>
              <a:ext uri="{28A0092B-C50C-407E-A947-70E740481C1C}">
                <a14:useLocalDpi xmlns:a14="http://schemas.microsoft.com/office/drawing/2010/main"/>
              </a:ext>
            </a:extLst>
          </a:blip>
          <a:srcRect/>
          <a:stretch/>
        </p:blipFill>
        <p:spPr bwMode="auto">
          <a:xfrm>
            <a:off x="7018825" y="4916709"/>
            <a:ext cx="1647825" cy="218648"/>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descr="C:\Users\taw\AppData\Local\Temp\SNAGHTML6c78a5cd.PNG"/>
          <p:cNvPicPr>
            <a:picLocks noChangeAspect="1" noChangeArrowheads="1"/>
          </p:cNvPicPr>
          <p:nvPr userDrawn="1"/>
        </p:nvPicPr>
        <p:blipFill>
          <a:blip r:embed="rId4" cstate="screen">
            <a:extLst>
              <a:ext uri="{28A0092B-C50C-407E-A947-70E740481C1C}">
                <a14:useLocalDpi xmlns:a14="http://schemas.microsoft.com/office/drawing/2010/main"/>
              </a:ext>
            </a:extLst>
          </a:blip>
          <a:srcRect/>
          <a:stretch>
            <a:fillRect/>
          </a:stretch>
        </p:blipFill>
        <p:spPr bwMode="auto">
          <a:xfrm>
            <a:off x="3955775" y="1622425"/>
            <a:ext cx="2181505" cy="507213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3990402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User guide I">
    <p:spTree>
      <p:nvGrpSpPr>
        <p:cNvPr id="1" name=""/>
        <p:cNvGrpSpPr/>
        <p:nvPr/>
      </p:nvGrpSpPr>
      <p:grpSpPr>
        <a:xfrm>
          <a:off x="0" y="0"/>
          <a:ext cx="0" cy="0"/>
          <a:chOff x="0" y="0"/>
          <a:chExt cx="0" cy="0"/>
        </a:xfrm>
      </p:grpSpPr>
      <p:sp>
        <p:nvSpPr>
          <p:cNvPr id="9" name="Header"/>
          <p:cNvSpPr txBox="1"/>
          <p:nvPr userDrawn="1"/>
        </p:nvSpPr>
        <p:spPr>
          <a:xfrm>
            <a:off x="444500" y="539750"/>
            <a:ext cx="11204573" cy="650171"/>
          </a:xfrm>
          <a:prstGeom prst="rect">
            <a:avLst/>
          </a:prstGeom>
          <a:noFill/>
        </p:spPr>
        <p:txBody>
          <a:bodyPr wrap="square" lIns="0" tIns="0" rIns="0" bIns="0" rtlCol="0" anchor="b" anchorCtr="0">
            <a:noAutofit/>
          </a:bodyPr>
          <a:lstStyle/>
          <a:p>
            <a:r>
              <a:rPr kumimoji="0" lang="en-GB" sz="3200" b="0" i="0" u="none" strike="noStrike" kern="1200" cap="none" spc="0" normalizeH="0" baseline="0" noProof="0">
                <a:ln>
                  <a:noFill/>
                </a:ln>
                <a:solidFill>
                  <a:prstClr val="black"/>
                </a:solidFill>
                <a:effectLst/>
                <a:uLnTx/>
                <a:uFillTx/>
                <a:latin typeface="Arial" panose="020B0604020202020204" pitchFamily="34" charset="0"/>
                <a:ea typeface="+mj-ea"/>
                <a:cs typeface="Arial" panose="020B0604020202020204" pitchFamily="34" charset="0"/>
              </a:rPr>
              <a:t>User guide – delete before use</a:t>
            </a:r>
            <a:endParaRPr lang="en-GB" sz="1800"/>
          </a:p>
        </p:txBody>
      </p:sp>
      <p:sp>
        <p:nvSpPr>
          <p:cNvPr id="29" name="Text Box 2"/>
          <p:cNvSpPr txBox="1">
            <a:spLocks noChangeArrowheads="1"/>
          </p:cNvSpPr>
          <p:nvPr userDrawn="1"/>
        </p:nvSpPr>
        <p:spPr bwMode="auto">
          <a:xfrm>
            <a:off x="460240" y="1833789"/>
            <a:ext cx="2160798" cy="44012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Use text</a:t>
            </a:r>
            <a:r>
              <a:rPr lang="en-GB" sz="1000" b="1" baseline="0" noProof="1">
                <a:solidFill>
                  <a:schemeClr val="tx1"/>
                </a:solidFill>
                <a:latin typeface="Arial" panose="020B0604020202020204" pitchFamily="34" charset="0"/>
                <a:cs typeface="Arial" panose="020B0604020202020204" pitchFamily="34" charset="0"/>
              </a:rPr>
              <a:t> styles</a:t>
            </a:r>
            <a:endParaRPr lang="en-GB" sz="10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Use the </a:t>
            </a:r>
            <a:r>
              <a:rPr lang="en-GB" altLang="da-DK" sz="900" b="1" noProof="1">
                <a:solidFill>
                  <a:schemeClr val="tx1"/>
                </a:solidFill>
                <a:latin typeface="Arial" panose="020B0604020202020204" pitchFamily="34" charset="0"/>
                <a:cs typeface="Arial" panose="020B0604020202020204" pitchFamily="34" charset="0"/>
              </a:rPr>
              <a:t>TAB</a:t>
            </a:r>
            <a:r>
              <a:rPr lang="en-GB" altLang="da-DK" sz="900" b="0" noProof="1">
                <a:solidFill>
                  <a:schemeClr val="tx1"/>
                </a:solidFill>
                <a:latin typeface="Arial" panose="020B0604020202020204" pitchFamily="34" charset="0"/>
                <a:cs typeface="Arial" panose="020B0604020202020204" pitchFamily="34" charset="0"/>
              </a:rPr>
              <a:t>-key</a:t>
            </a:r>
            <a:r>
              <a:rPr lang="en-GB" altLang="da-DK" sz="900" b="0" baseline="0" noProof="1">
                <a:solidFill>
                  <a:schemeClr val="tx1"/>
                </a:solidFill>
                <a:latin typeface="Arial" panose="020B0604020202020204" pitchFamily="34" charset="0"/>
                <a:cs typeface="Arial" panose="020B0604020202020204" pitchFamily="34" charset="0"/>
              </a:rPr>
              <a:t> to jump through </a:t>
            </a:r>
            <a:br>
              <a:rPr lang="en-GB" altLang="da-DK" sz="900" b="0" baseline="0" noProof="1">
                <a:solidFill>
                  <a:schemeClr val="tx1"/>
                </a:solidFill>
                <a:latin typeface="Arial" panose="020B0604020202020204" pitchFamily="34" charset="0"/>
                <a:cs typeface="Arial" panose="020B0604020202020204" pitchFamily="34" charset="0"/>
              </a:rPr>
            </a:br>
            <a:r>
              <a:rPr lang="en-GB" altLang="da-DK" sz="900" b="0" baseline="0" noProof="1">
                <a:solidFill>
                  <a:schemeClr val="tx1"/>
                </a:solidFill>
                <a:latin typeface="Arial" panose="020B0604020202020204" pitchFamily="34" charset="0"/>
                <a:cs typeface="Arial" panose="020B0604020202020204" pitchFamily="34" charset="0"/>
              </a:rPr>
              <a:t>levels. Click </a:t>
            </a:r>
            <a:r>
              <a:rPr lang="en-GB" altLang="da-DK" sz="900" b="1" baseline="0" noProof="1">
                <a:solidFill>
                  <a:schemeClr val="tx1"/>
                </a:solidFill>
                <a:latin typeface="Arial" panose="020B0604020202020204" pitchFamily="34" charset="0"/>
                <a:cs typeface="Arial" panose="020B0604020202020204" pitchFamily="34" charset="0"/>
              </a:rPr>
              <a:t>ENTER</a:t>
            </a:r>
            <a:r>
              <a:rPr lang="en-GB" altLang="da-DK" sz="900" b="0" baseline="0" noProof="1">
                <a:solidFill>
                  <a:schemeClr val="tx1"/>
                </a:solidFill>
                <a:latin typeface="Arial" panose="020B0604020202020204" pitchFamily="34" charset="0"/>
                <a:cs typeface="Arial" panose="020B0604020202020204" pitchFamily="34" charset="0"/>
              </a:rPr>
              <a:t>, then </a:t>
            </a:r>
            <a:r>
              <a:rPr lang="en-GB" altLang="da-DK" sz="900" b="1" baseline="0" noProof="1">
                <a:solidFill>
                  <a:schemeClr val="tx1"/>
                </a:solidFill>
                <a:latin typeface="Arial" panose="020B0604020202020204" pitchFamily="34" charset="0"/>
                <a:cs typeface="Arial" panose="020B0604020202020204" pitchFamily="34" charset="0"/>
              </a:rPr>
              <a:t>TAB</a:t>
            </a:r>
            <a:r>
              <a:rPr lang="en-GB" altLang="da-DK" sz="900" b="0" baseline="0" noProof="1">
                <a:solidFill>
                  <a:schemeClr val="tx1"/>
                </a:solidFill>
                <a:latin typeface="Arial" panose="020B0604020202020204" pitchFamily="34" charset="0"/>
                <a:cs typeface="Arial" panose="020B0604020202020204" pitchFamily="34" charset="0"/>
              </a:rPr>
              <a:t> to switch from one level to the next level</a:t>
            </a:r>
            <a:endParaRPr lang="en-GB"/>
          </a:p>
          <a:p>
            <a:pPr eaLnBrk="1" hangingPunct="1">
              <a:spcAft>
                <a:spcPts val="1200"/>
              </a:spcAft>
              <a:defRPr/>
            </a:pPr>
            <a:r>
              <a:rPr lang="en-GB" altLang="da-DK" sz="900" b="0" baseline="0" noProof="1">
                <a:solidFill>
                  <a:schemeClr val="tx1"/>
                </a:solidFill>
                <a:latin typeface="Arial" panose="020B0604020202020204" pitchFamily="34" charset="0"/>
                <a:cs typeface="Arial" panose="020B0604020202020204" pitchFamily="34" charset="0"/>
              </a:rPr>
              <a:t>To go back in levels use </a:t>
            </a:r>
            <a:r>
              <a:rPr lang="en-GB" altLang="da-DK" sz="900" b="1" baseline="0" noProof="1">
                <a:solidFill>
                  <a:schemeClr val="tx1"/>
                </a:solidFill>
                <a:latin typeface="Arial" panose="020B0604020202020204" pitchFamily="34" charset="0"/>
                <a:cs typeface="Arial" panose="020B0604020202020204" pitchFamily="34" charset="0"/>
              </a:rPr>
              <a:t>SHIFT-TAB</a:t>
            </a: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sz="900" noProof="1">
                <a:solidFill>
                  <a:schemeClr val="tx1"/>
                </a:solidFill>
                <a:latin typeface="Arial" panose="020B0604020202020204" pitchFamily="34" charset="0"/>
                <a:cs typeface="Arial" panose="020B0604020202020204" pitchFamily="34" charset="0"/>
              </a:rPr>
              <a:t>Alternatively, </a:t>
            </a:r>
            <a:r>
              <a:rPr lang="en-GB" sz="900" b="1" noProof="1">
                <a:solidFill>
                  <a:schemeClr val="tx1"/>
                </a:solidFill>
                <a:latin typeface="Arial" panose="020B0604020202020204" pitchFamily="34" charset="0"/>
                <a:cs typeface="Arial" panose="020B0604020202020204" pitchFamily="34" charset="0"/>
              </a:rPr>
              <a:t>Increase</a:t>
            </a:r>
            <a:r>
              <a:rPr lang="en-GB" sz="900" baseline="0" noProof="1">
                <a:solidFill>
                  <a:schemeClr val="tx1"/>
                </a:solidFill>
                <a:latin typeface="Arial" panose="020B0604020202020204" pitchFamily="34" charset="0"/>
                <a:cs typeface="Arial" panose="020B0604020202020204" pitchFamily="34" charset="0"/>
              </a:rPr>
              <a:t> and</a:t>
            </a:r>
            <a:br>
              <a:rPr lang="en-GB" sz="900" baseline="0" noProof="1">
                <a:solidFill>
                  <a:schemeClr val="tx1"/>
                </a:solidFill>
                <a:latin typeface="Arial" panose="020B0604020202020204" pitchFamily="34" charset="0"/>
                <a:cs typeface="Arial" panose="020B0604020202020204" pitchFamily="34" charset="0"/>
              </a:rPr>
            </a:br>
            <a:r>
              <a:rPr lang="en-GB" sz="900" b="1" baseline="0" noProof="1">
                <a:solidFill>
                  <a:schemeClr val="tx1"/>
                </a:solidFill>
                <a:latin typeface="Arial" panose="020B0604020202020204" pitchFamily="34" charset="0"/>
                <a:cs typeface="Arial" panose="020B0604020202020204" pitchFamily="34" charset="0"/>
              </a:rPr>
              <a:t>Decrease </a:t>
            </a:r>
            <a:r>
              <a:rPr lang="en-GB" sz="900" baseline="0" noProof="1">
                <a:solidFill>
                  <a:schemeClr val="tx1"/>
                </a:solidFill>
                <a:latin typeface="Arial" panose="020B0604020202020204" pitchFamily="34" charset="0"/>
                <a:cs typeface="Arial" panose="020B0604020202020204" pitchFamily="34" charset="0"/>
              </a:rPr>
              <a:t>list level can be used</a:t>
            </a:r>
            <a:endParaRPr lang="en-GB"/>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Use layouts</a:t>
            </a:r>
            <a:endParaRPr lang="en-GB"/>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b="0"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baseline="0" noProof="1">
                <a:solidFill>
                  <a:schemeClr val="tx1"/>
                </a:solidFill>
                <a:latin typeface="Arial" panose="020B0604020202020204" pitchFamily="34" charset="0"/>
                <a:cs typeface="Arial" panose="020B0604020202020204" pitchFamily="34" charset="0"/>
              </a:rPr>
              <a:t>New Slide </a:t>
            </a:r>
            <a:r>
              <a:rPr lang="en-GB" altLang="da-DK" sz="900" noProof="1">
                <a:solidFill>
                  <a:schemeClr val="tx1"/>
                </a:solidFill>
                <a:latin typeface="Arial" panose="020B0604020202020204" pitchFamily="34" charset="0"/>
                <a:cs typeface="Arial" panose="020B0604020202020204" pitchFamily="34" charset="0"/>
              </a:rPr>
              <a:t>menu to insert new slide</a:t>
            </a:r>
            <a:endParaRPr lang="en-GB"/>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noProof="1">
                <a:solidFill>
                  <a:schemeClr val="tx1"/>
                </a:solidFill>
                <a:latin typeface="Arial" panose="020B0604020202020204" pitchFamily="34" charset="0"/>
                <a:cs typeface="Arial" panose="020B0604020202020204" pitchFamily="34" charset="0"/>
              </a:rPr>
              <a:t>Choose </a:t>
            </a:r>
            <a:r>
              <a:rPr lang="en-GB" altLang="da-DK" sz="900" b="1" noProof="1">
                <a:solidFill>
                  <a:schemeClr val="tx1"/>
                </a:solidFill>
                <a:latin typeface="Arial" panose="020B0604020202020204" pitchFamily="34" charset="0"/>
                <a:cs typeface="Arial" panose="020B0604020202020204" pitchFamily="34" charset="0"/>
              </a:rPr>
              <a:t>Layout</a:t>
            </a:r>
            <a:r>
              <a:rPr lang="en-GB" altLang="da-DK" sz="900" baseline="0" noProof="1">
                <a:solidFill>
                  <a:schemeClr val="tx1"/>
                </a:solidFill>
                <a:latin typeface="Arial" panose="020B0604020202020204" pitchFamily="34" charset="0"/>
                <a:cs typeface="Arial" panose="020B0604020202020204" pitchFamily="34" charset="0"/>
              </a:rPr>
              <a:t> to change an appropriate layout from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drop down</a:t>
            </a:r>
            <a:r>
              <a:rPr lang="en-GB" altLang="da-DK" sz="900" strike="noStrike" baseline="0" noProof="1">
                <a:solidFill>
                  <a:schemeClr val="tx1"/>
                </a:solidFill>
                <a:latin typeface="Arial" panose="020B0604020202020204" pitchFamily="34" charset="0"/>
                <a:cs typeface="Arial" panose="020B0604020202020204" pitchFamily="34" charset="0"/>
              </a:rPr>
              <a:t>"</a:t>
            </a:r>
            <a:r>
              <a:rPr lang="en-GB" altLang="da-DK" sz="900" baseline="0" noProof="1">
                <a:solidFill>
                  <a:schemeClr val="tx1"/>
                </a:solidFill>
                <a:latin typeface="Arial" panose="020B0604020202020204" pitchFamily="34" charset="0"/>
                <a:cs typeface="Arial" panose="020B0604020202020204" pitchFamily="34" charset="0"/>
              </a:rPr>
              <a:t> menu </a:t>
            </a:r>
            <a:endParaRPr lang="en-GB"/>
          </a:p>
          <a:p>
            <a:pPr fontAlgn="auto">
              <a:spcBef>
                <a:spcPts val="1200"/>
              </a:spcBef>
              <a:spcAft>
                <a:spcPts val="600"/>
              </a:spcAft>
              <a:buFont typeface="+mj-lt"/>
              <a:buNone/>
              <a:defRPr/>
            </a:pPr>
            <a:r>
              <a:rPr lang="en-GB" sz="1000" b="1" noProof="1">
                <a:solidFill>
                  <a:schemeClr val="tx1"/>
                </a:solidFill>
                <a:latin typeface="Arial" panose="020B0604020202020204" pitchFamily="34" charset="0"/>
                <a:cs typeface="Arial" panose="020B0604020202020204" pitchFamily="34" charset="0"/>
              </a:rPr>
              <a:t>Reset slide</a:t>
            </a:r>
            <a:endParaRPr lang="en-GB"/>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1.</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noProof="1">
                <a:solidFill>
                  <a:schemeClr val="tx1"/>
                </a:solidFill>
                <a:latin typeface="Arial" panose="020B0604020202020204" pitchFamily="34" charset="0"/>
                <a:cs typeface="Arial" panose="020B0604020202020204" pitchFamily="34" charset="0"/>
              </a:rPr>
              <a:t>Home tab</a:t>
            </a:r>
            <a:endParaRPr lang="en-GB"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Arial" panose="020B0604020202020204" pitchFamily="34" charset="0"/>
                <a:cs typeface="Arial" panose="020B0604020202020204" pitchFamily="34" charset="0"/>
              </a:rPr>
              <a:t>2.</a:t>
            </a:r>
            <a:r>
              <a:rPr lang="en-GB" altLang="da-DK" sz="900" noProof="1">
                <a:solidFill>
                  <a:schemeClr val="tx1"/>
                </a:solidFill>
                <a:latin typeface="Arial" panose="020B0604020202020204" pitchFamily="34" charset="0"/>
                <a:cs typeface="Arial" panose="020B0604020202020204" pitchFamily="34" charset="0"/>
              </a:rPr>
              <a:t> Click the </a:t>
            </a:r>
            <a:r>
              <a:rPr lang="en-GB" altLang="da-DK" sz="900" b="1" baseline="0" noProof="1">
                <a:solidFill>
                  <a:schemeClr val="tx1"/>
                </a:solidFill>
                <a:latin typeface="Arial" panose="020B0604020202020204" pitchFamily="34" charset="0"/>
                <a:cs typeface="Arial" panose="020B0604020202020204" pitchFamily="34" charset="0"/>
              </a:rPr>
              <a:t>Reset </a:t>
            </a:r>
            <a:r>
              <a:rPr lang="en-GB" altLang="da-DK" sz="900" noProof="1">
                <a:solidFill>
                  <a:schemeClr val="tx1"/>
                </a:solidFill>
                <a:latin typeface="Arial" panose="020B0604020202020204" pitchFamily="34" charset="0"/>
                <a:cs typeface="Arial" panose="020B0604020202020204" pitchFamily="34" charset="0"/>
              </a:rPr>
              <a:t>menu to reset position, size</a:t>
            </a:r>
            <a:r>
              <a:rPr lang="en-GB" altLang="da-DK" sz="900" baseline="0" noProof="1">
                <a:solidFill>
                  <a:schemeClr val="tx1"/>
                </a:solidFill>
                <a:latin typeface="Arial" panose="020B0604020202020204" pitchFamily="34" charset="0"/>
                <a:cs typeface="Arial" panose="020B0604020202020204" pitchFamily="34" charset="0"/>
              </a:rPr>
              <a:t> and formatting of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baseline="0" noProof="1">
                <a:solidFill>
                  <a:schemeClr val="tx1"/>
                </a:solidFill>
                <a:latin typeface="Arial" panose="020B0604020202020204" pitchFamily="34" charset="0"/>
                <a:cs typeface="Arial" panose="020B0604020202020204" pitchFamily="34" charset="0"/>
              </a:rPr>
              <a:t>slide placeholders to their default settings</a:t>
            </a:r>
            <a:endParaRPr lang="en-GB" alt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endParaRPr lang="en-GB" sz="900" noProof="1">
              <a:solidFill>
                <a:schemeClr val="tx1"/>
              </a:solidFill>
              <a:latin typeface="Arial" panose="020B0604020202020204" pitchFamily="34" charset="0"/>
              <a:cs typeface="Arial" panose="020B0604020202020204" pitchFamily="34" charset="0"/>
            </a:endParaRPr>
          </a:p>
        </p:txBody>
      </p:sp>
      <p:sp>
        <p:nvSpPr>
          <p:cNvPr id="21" name="Text Box 3"/>
          <p:cNvSpPr txBox="1">
            <a:spLocks noChangeArrowheads="1"/>
          </p:cNvSpPr>
          <p:nvPr userDrawn="1"/>
        </p:nvSpPr>
        <p:spPr bwMode="auto">
          <a:xfrm>
            <a:off x="4498494" y="1833789"/>
            <a:ext cx="2160798" cy="250837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Insert picture</a:t>
            </a:r>
            <a:endParaRPr lang="en-GB"/>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On slides with picture placehold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icon and choose </a:t>
            </a:r>
            <a:r>
              <a:rPr lang="en-GB" altLang="da-DK" sz="900" b="1" noProof="1">
                <a:solidFill>
                  <a:schemeClr val="tx1"/>
                </a:solidFill>
                <a:latin typeface="Arial" panose="020B0604020202020204" pitchFamily="34" charset="0"/>
                <a:cs typeface="Arial" panose="020B0604020202020204" pitchFamily="34" charset="0"/>
              </a:rPr>
              <a:t>Insert</a:t>
            </a:r>
            <a:endParaRPr lang="en-GB"/>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Change picture</a:t>
            </a:r>
            <a:endParaRPr lang="en-GB"/>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Crop</a:t>
            </a:r>
            <a:r>
              <a:rPr lang="en-GB" altLang="da-DK" sz="900" b="0" noProof="1">
                <a:solidFill>
                  <a:schemeClr val="tx1"/>
                </a:solidFill>
                <a:latin typeface="Arial" panose="020B0604020202020204" pitchFamily="34" charset="0"/>
                <a:cs typeface="Arial" panose="020B0604020202020204" pitchFamily="34" charset="0"/>
              </a:rPr>
              <a:t> to change size o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focus of the picture</a:t>
            </a:r>
            <a:endParaRPr lang="en-GB"/>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If you want to scale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hold </a:t>
            </a:r>
            <a:r>
              <a:rPr lang="en-GB" altLang="da-DK" sz="900" b="1" noProof="1">
                <a:solidFill>
                  <a:schemeClr val="tx1"/>
                </a:solidFill>
                <a:latin typeface="Arial" panose="020B0604020202020204" pitchFamily="34" charset="0"/>
                <a:cs typeface="Arial" panose="020B0604020202020204" pitchFamily="34" charset="0"/>
              </a:rPr>
              <a:t>SHIFT</a:t>
            </a:r>
            <a:r>
              <a:rPr lang="en-GB" altLang="da-DK" sz="900" b="0" noProof="1">
                <a:solidFill>
                  <a:schemeClr val="tx1"/>
                </a:solidFill>
                <a:latin typeface="Arial" panose="020B0604020202020204" pitchFamily="34" charset="0"/>
                <a:cs typeface="Arial" panose="020B0604020202020204" pitchFamily="34" charset="0"/>
              </a:rPr>
              <a:t>-key down whil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dragging the corners of the picture</a:t>
            </a:r>
            <a:endParaRPr lang="en-GB"/>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altLang="da-DK" sz="900" b="0" noProof="1">
                <a:solidFill>
                  <a:schemeClr val="tx1"/>
                </a:solidFill>
                <a:latin typeface="Arial" panose="020B0604020202020204" pitchFamily="34" charset="0"/>
                <a:cs typeface="Arial" panose="020B0604020202020204" pitchFamily="34" charset="0"/>
              </a:rPr>
              <a:t>If you delete the picture and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nsert a new one, the picture may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lie in front of the text or graphic.</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f this happens, select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right-click and choose </a:t>
            </a:r>
            <a:r>
              <a:rPr lang="en-GB" altLang="da-DK" sz="900" b="1" noProof="1">
                <a:solidFill>
                  <a:schemeClr val="tx1"/>
                </a:solidFill>
                <a:latin typeface="Arial" panose="020B0604020202020204" pitchFamily="34" charset="0"/>
                <a:cs typeface="Arial" panose="020B0604020202020204" pitchFamily="34" charset="0"/>
              </a:rPr>
              <a:t>Send to Back</a:t>
            </a:r>
            <a:endParaRPr lang="en-GB"/>
          </a:p>
        </p:txBody>
      </p:sp>
      <p:sp>
        <p:nvSpPr>
          <p:cNvPr id="25" name="Text Box 4"/>
          <p:cNvSpPr txBox="1">
            <a:spLocks noChangeArrowheads="1"/>
          </p:cNvSpPr>
          <p:nvPr userDrawn="1"/>
        </p:nvSpPr>
        <p:spPr bwMode="auto">
          <a:xfrm>
            <a:off x="7925241" y="1815926"/>
            <a:ext cx="2160798" cy="289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Arial" panose="020B0604020202020204" pitchFamily="34" charset="0"/>
                <a:cs typeface="Arial" panose="020B0604020202020204" pitchFamily="34" charset="0"/>
              </a:rPr>
              <a:t>Change slide number, </a:t>
            </a:r>
            <a:br>
              <a:rPr lang="en-GB" sz="1000" b="1" noProof="1">
                <a:solidFill>
                  <a:schemeClr val="tx1"/>
                </a:solidFill>
                <a:latin typeface="Arial" panose="020B0604020202020204" pitchFamily="34" charset="0"/>
                <a:cs typeface="Arial" panose="020B0604020202020204" pitchFamily="34" charset="0"/>
              </a:rPr>
            </a:br>
            <a:r>
              <a:rPr lang="en-GB" sz="1000" b="1" noProof="1">
                <a:solidFill>
                  <a:schemeClr val="tx1"/>
                </a:solidFill>
                <a:latin typeface="Arial" panose="020B0604020202020204" pitchFamily="34" charset="0"/>
                <a:cs typeface="Arial" panose="020B0604020202020204" pitchFamily="34" charset="0"/>
              </a:rPr>
              <a:t>date and footer</a:t>
            </a:r>
            <a:endParaRPr lang="en-GB"/>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Do this at the very end, so you g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all the corrections on all slides</a:t>
            </a:r>
            <a:endParaRPr lang="en-GB"/>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Insert </a:t>
            </a:r>
            <a:r>
              <a:rPr lang="en-GB" altLang="da-DK" sz="900" b="0" noProof="1">
                <a:solidFill>
                  <a:schemeClr val="tx1"/>
                </a:solidFill>
                <a:latin typeface="Arial" panose="020B0604020202020204" pitchFamily="34" charset="0"/>
                <a:cs typeface="Arial" panose="020B0604020202020204" pitchFamily="34" charset="0"/>
              </a:rPr>
              <a:t>tab</a:t>
            </a:r>
            <a:endParaRPr lang="en-GB"/>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Click on </a:t>
            </a:r>
            <a:r>
              <a:rPr lang="en-GB" altLang="da-DK" sz="900" b="1" noProof="1">
                <a:solidFill>
                  <a:schemeClr val="tx1"/>
                </a:solidFill>
                <a:latin typeface="Arial" panose="020B0604020202020204" pitchFamily="34" charset="0"/>
                <a:cs typeface="Arial" panose="020B0604020202020204" pitchFamily="34" charset="0"/>
              </a:rPr>
              <a:t>Header and Foote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write the desired text)</a:t>
            </a:r>
            <a:endParaRPr lang="en-GB"/>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3.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Apply to All </a:t>
            </a:r>
            <a:r>
              <a:rPr lang="en-GB" altLang="da-DK" sz="900" b="0" noProof="1">
                <a:solidFill>
                  <a:schemeClr val="tx1"/>
                </a:solidFill>
                <a:latin typeface="Arial" panose="020B0604020202020204" pitchFamily="34" charset="0"/>
                <a:cs typeface="Arial" panose="020B0604020202020204" pitchFamily="34" charset="0"/>
              </a:rPr>
              <a:t>or </a:t>
            </a:r>
            <a:r>
              <a:rPr lang="en-GB" altLang="da-DK" sz="900" b="1" noProof="1">
                <a:solidFill>
                  <a:schemeClr val="tx1"/>
                </a:solidFill>
                <a:latin typeface="Arial" panose="020B0604020202020204" pitchFamily="34" charset="0"/>
                <a:cs typeface="Arial" panose="020B0604020202020204" pitchFamily="34" charset="0"/>
              </a:rPr>
              <a:t>Apply</a:t>
            </a:r>
            <a:r>
              <a:rPr lang="en-GB" altLang="da-DK" sz="900" b="0" noProof="1">
                <a:solidFill>
                  <a:schemeClr val="tx1"/>
                </a:solidFill>
                <a:latin typeface="Arial" panose="020B0604020202020204" pitchFamily="34" charset="0"/>
                <a:cs typeface="Arial" panose="020B0604020202020204" pitchFamily="34" charset="0"/>
              </a:rPr>
              <a:t> if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only used on one slide</a:t>
            </a:r>
            <a:endParaRPr lang="en-GB"/>
          </a:p>
          <a:p>
            <a:pPr eaLnBrk="1" hangingPunct="1">
              <a:spcBef>
                <a:spcPts val="1200"/>
              </a:spcBef>
              <a:spcAft>
                <a:spcPts val="600"/>
              </a:spcAft>
              <a:defRPr/>
            </a:pPr>
            <a:r>
              <a:rPr lang="en-GB" sz="1000" b="1" noProof="1">
                <a:solidFill>
                  <a:schemeClr val="tx1"/>
                </a:solidFill>
                <a:latin typeface="Arial" panose="020B0604020202020204" pitchFamily="34" charset="0"/>
                <a:cs typeface="Arial" panose="020B0604020202020204" pitchFamily="34" charset="0"/>
              </a:rPr>
              <a:t>Guides</a:t>
            </a:r>
            <a:endParaRPr lang="en-GB"/>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To view drawing guides</a:t>
            </a:r>
            <a:endParaRPr lang="en-GB"/>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View</a:t>
            </a:r>
            <a:r>
              <a:rPr lang="en-GB" altLang="da-DK" sz="900" b="0" noProof="1">
                <a:solidFill>
                  <a:schemeClr val="tx1"/>
                </a:solidFill>
                <a:latin typeface="Arial" panose="020B0604020202020204" pitchFamily="34" charset="0"/>
                <a:cs typeface="Arial" panose="020B0604020202020204" pitchFamily="34" charset="0"/>
              </a:rPr>
              <a:t> tab, set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tick mark next to </a:t>
            </a:r>
            <a:r>
              <a:rPr lang="en-GB" altLang="da-DK" sz="900" b="1" noProof="1">
                <a:solidFill>
                  <a:schemeClr val="tx1"/>
                </a:solidFill>
                <a:latin typeface="Arial" panose="020B0604020202020204" pitchFamily="34" charset="0"/>
                <a:cs typeface="Arial" panose="020B0604020202020204" pitchFamily="34" charset="0"/>
              </a:rPr>
              <a:t>Guides</a:t>
            </a: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lt + F9 </a:t>
            </a:r>
            <a:r>
              <a:rPr lang="en-GB" altLang="da-DK" sz="900" b="0" noProof="1">
                <a:solidFill>
                  <a:schemeClr val="tx1"/>
                </a:solidFill>
                <a:latin typeface="Arial" panose="020B0604020202020204" pitchFamily="34" charset="0"/>
                <a:cs typeface="Arial" panose="020B0604020202020204" pitchFamily="34" charset="0"/>
              </a:rPr>
              <a:t>for quick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viewing of guides</a:t>
            </a:r>
            <a:endParaRPr lang="en-GB"/>
          </a:p>
        </p:txBody>
      </p:sp>
      <p:pic>
        <p:nvPicPr>
          <p:cNvPr id="28" name="1 Increase decrease"/>
          <p:cNvPicPr>
            <a:picLocks noChangeAspect="1"/>
          </p:cNvPicPr>
          <p:nvPr userDrawn="1"/>
        </p:nvPicPr>
        <p:blipFill>
          <a:blip r:embed="rId2"/>
          <a:stretch>
            <a:fillRect/>
          </a:stretch>
        </p:blipFill>
        <p:spPr>
          <a:xfrm>
            <a:off x="2621037" y="2877130"/>
            <a:ext cx="549328" cy="285228"/>
          </a:xfrm>
          <a:prstGeom prst="rect">
            <a:avLst/>
          </a:prstGeom>
        </p:spPr>
      </p:pic>
      <p:pic>
        <p:nvPicPr>
          <p:cNvPr id="13" name="2 New picture"/>
          <p:cNvPicPr>
            <a:picLocks noChangeAspect="1"/>
          </p:cNvPicPr>
          <p:nvPr userDrawn="1"/>
        </p:nvPicPr>
        <p:blipFill>
          <a:blip r:embed="rId3"/>
          <a:stretch>
            <a:fillRect/>
          </a:stretch>
        </p:blipFill>
        <p:spPr>
          <a:xfrm>
            <a:off x="2654431" y="3538594"/>
            <a:ext cx="324764" cy="578237"/>
          </a:xfrm>
          <a:prstGeom prst="rect">
            <a:avLst/>
          </a:prstGeom>
        </p:spPr>
      </p:pic>
      <p:pic>
        <p:nvPicPr>
          <p:cNvPr id="16" name="3 Layout"/>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2650421" y="4208198"/>
            <a:ext cx="593368" cy="192211"/>
          </a:xfrm>
          <a:prstGeom prst="rect">
            <a:avLst/>
          </a:prstGeom>
        </p:spPr>
      </p:pic>
      <p:pic>
        <p:nvPicPr>
          <p:cNvPr id="19" name="4 Reset"/>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2652409" y="5318642"/>
            <a:ext cx="492452" cy="200416"/>
          </a:xfrm>
          <a:prstGeom prst="rect">
            <a:avLst/>
          </a:prstGeom>
        </p:spPr>
      </p:pic>
      <p:pic>
        <p:nvPicPr>
          <p:cNvPr id="5" name="5 Insert picture"/>
          <p:cNvPicPr>
            <a:picLocks noChangeAspect="1"/>
          </p:cNvPicPr>
          <p:nvPr userDrawn="1"/>
        </p:nvPicPr>
        <p:blipFill>
          <a:blip r:embed="rId6"/>
          <a:stretch>
            <a:fillRect/>
          </a:stretch>
        </p:blipFill>
        <p:spPr>
          <a:xfrm>
            <a:off x="6425716" y="2075087"/>
            <a:ext cx="262151" cy="256054"/>
          </a:xfrm>
          <a:prstGeom prst="rect">
            <a:avLst/>
          </a:prstGeom>
        </p:spPr>
      </p:pic>
      <p:pic>
        <p:nvPicPr>
          <p:cNvPr id="23" name="6 Crop"/>
          <p:cNvPicPr>
            <a:picLocks noChangeAspect="1"/>
          </p:cNvPicPr>
          <p:nvPr userDrawn="1"/>
        </p:nvPicPr>
        <p:blipFill>
          <a:blip r:embed="rId7"/>
          <a:stretch>
            <a:fillRect/>
          </a:stretch>
        </p:blipFill>
        <p:spPr>
          <a:xfrm>
            <a:off x="6406348" y="2748409"/>
            <a:ext cx="337400" cy="321707"/>
          </a:xfrm>
          <a:prstGeom prst="rect">
            <a:avLst/>
          </a:prstGeom>
        </p:spPr>
      </p:pic>
      <p:pic>
        <p:nvPicPr>
          <p:cNvPr id="2" name="7 Scale picture"/>
          <p:cNvPicPr>
            <a:picLocks noChangeAspect="1"/>
          </p:cNvPicPr>
          <p:nvPr userDrawn="1"/>
        </p:nvPicPr>
        <p:blipFill>
          <a:blip r:embed="rId8"/>
          <a:stretch>
            <a:fillRect/>
          </a:stretch>
        </p:blipFill>
        <p:spPr>
          <a:xfrm>
            <a:off x="6384053" y="3242399"/>
            <a:ext cx="359695" cy="335309"/>
          </a:xfrm>
          <a:prstGeom prst="rect">
            <a:avLst/>
          </a:prstGeom>
        </p:spPr>
      </p:pic>
    </p:spTree>
    <p:extLst>
      <p:ext uri="{BB962C8B-B14F-4D97-AF65-F5344CB8AC3E}">
        <p14:creationId xmlns:p14="http://schemas.microsoft.com/office/powerpoint/2010/main" val="166105258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1_Text and Picture Blue">
    <p:spTree>
      <p:nvGrpSpPr>
        <p:cNvPr id="1" name=""/>
        <p:cNvGrpSpPr/>
        <p:nvPr/>
      </p:nvGrpSpPr>
      <p:grpSpPr>
        <a:xfrm>
          <a:off x="0" y="0"/>
          <a:ext cx="0" cy="0"/>
          <a:chOff x="0" y="0"/>
          <a:chExt cx="0" cy="0"/>
        </a:xfrm>
      </p:grpSpPr>
      <p:pic>
        <p:nvPicPr>
          <p:cNvPr id="12" name="Picture 11"/>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 y="0"/>
            <a:ext cx="12191999" cy="6858000"/>
          </a:xfrm>
          <a:prstGeom prst="rect">
            <a:avLst/>
          </a:prstGeom>
        </p:spPr>
      </p:pic>
      <p:sp>
        <p:nvSpPr>
          <p:cNvPr id="4" name="Title 3"/>
          <p:cNvSpPr>
            <a:spLocks noGrp="1"/>
          </p:cNvSpPr>
          <p:nvPr>
            <p:ph type="title" hasCustomPrompt="1"/>
          </p:nvPr>
        </p:nvSpPr>
        <p:spPr>
          <a:xfrm>
            <a:off x="447479" y="149087"/>
            <a:ext cx="5389200" cy="1334113"/>
          </a:xfrm>
          <a:prstGeom prst="rect">
            <a:avLst/>
          </a:prstGeom>
        </p:spPr>
        <p:txBody>
          <a:bodyPr/>
          <a:lstStyle>
            <a:lvl1pPr>
              <a:defRPr>
                <a:solidFill>
                  <a:schemeClr val="bg1"/>
                </a:solidFill>
              </a:defRPr>
            </a:lvl1pPr>
          </a:lstStyle>
          <a:p>
            <a:r>
              <a:rPr lang="en-GB"/>
              <a:t>Click to add title</a:t>
            </a:r>
          </a:p>
        </p:txBody>
      </p:sp>
      <p:sp>
        <p:nvSpPr>
          <p:cNvPr id="22" name="Pladsholder til sidefod 2"/>
          <p:cNvSpPr>
            <a:spLocks noGrp="1"/>
          </p:cNvSpPr>
          <p:nvPr>
            <p:ph type="ftr" sz="quarter" idx="24"/>
          </p:nvPr>
        </p:nvSpPr>
        <p:spPr>
          <a:xfrm>
            <a:off x="1288782" y="6479087"/>
            <a:ext cx="4536000" cy="147600"/>
          </a:xfrm>
          <a:blipFill>
            <a:blip r:embed="rId3"/>
            <a:stretch>
              <a:fillRect/>
            </a:stretch>
          </a:blipFill>
          <a:effectLst>
            <a:outerShdw dist="12700" dir="10800000" algn="r" rotWithShape="0">
              <a:schemeClr val="bg1"/>
            </a:outerShdw>
          </a:effectLst>
        </p:spPr>
        <p:txBody>
          <a:bodyPr/>
          <a:lstStyle>
            <a:lvl1pPr>
              <a:defRPr>
                <a:solidFill>
                  <a:schemeClr val="bg1"/>
                </a:solidFill>
              </a:defRPr>
            </a:lvl1pPr>
          </a:lstStyle>
          <a:p>
            <a:endParaRPr lang="en-GB"/>
          </a:p>
        </p:txBody>
      </p:sp>
      <p:sp>
        <p:nvSpPr>
          <p:cNvPr id="3" name="Picture Placeholder 3"/>
          <p:cNvSpPr>
            <a:spLocks noGrp="1"/>
          </p:cNvSpPr>
          <p:nvPr>
            <p:ph type="pic" idx="1" hasCustomPrompt="1"/>
          </p:nvPr>
        </p:nvSpPr>
        <p:spPr>
          <a:xfrm>
            <a:off x="6095999" y="0"/>
            <a:ext cx="6097525" cy="6858000"/>
          </a:xfrm>
          <a:prstGeom prst="rect">
            <a:avLst/>
          </a:prstGeom>
          <a:solidFill>
            <a:schemeClr val="bg1">
              <a:lumMod val="85000"/>
            </a:schemeClr>
          </a:solidFill>
        </p:spPr>
        <p:txBody>
          <a:bodyPr tIns="0" rIns="548640" bIns="914400" anchor="b" anchorCtr="0">
            <a:normAutofit/>
          </a:bodyPr>
          <a:lstStyle>
            <a:lvl1pPr marL="0" indent="0" algn="r">
              <a:buNone/>
              <a:defRPr sz="1400" baseline="0">
                <a:sym typeface="Wingdings" panose="05000000000000000000" pitchFamily="2" charset="2"/>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a:t>Click [here] once and add an image via Templafy or add a picture from your computer: click the Insert tab  Pictures</a:t>
            </a:r>
          </a:p>
        </p:txBody>
      </p:sp>
      <p:sp>
        <p:nvSpPr>
          <p:cNvPr id="23" name="Logo Placeholder"/>
          <p:cNvSpPr>
            <a:spLocks noGrp="1"/>
          </p:cNvSpPr>
          <p:nvPr>
            <p:ph type="body" sz="quarter" idx="26" hasCustomPrompt="1"/>
          </p:nvPr>
        </p:nvSpPr>
        <p:spPr>
          <a:xfrm>
            <a:off x="447863" y="6492560"/>
            <a:ext cx="734400" cy="151200"/>
          </a:xfrm>
          <a:prstGeom prst="rect">
            <a:avLst/>
          </a:prstGeom>
          <a:blipFill>
            <a:blip r:embed="rId4"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
        <p:nvSpPr>
          <p:cNvPr id="11" name="Content Placeholder 2"/>
          <p:cNvSpPr>
            <a:spLocks noGrp="1"/>
          </p:cNvSpPr>
          <p:nvPr>
            <p:ph sz="quarter" idx="19" hasCustomPrompt="1"/>
          </p:nvPr>
        </p:nvSpPr>
        <p:spPr>
          <a:xfrm>
            <a:off x="447863" y="1623599"/>
            <a:ext cx="5389200" cy="4716463"/>
          </a:xfrm>
          <a:prstGeom prst="rect">
            <a:avLst/>
          </a:prstGeo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a:t>Click here to edit text or click one of the icons to add a table or chart</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Tree>
    <p:extLst>
      <p:ext uri="{BB962C8B-B14F-4D97-AF65-F5344CB8AC3E}">
        <p14:creationId xmlns:p14="http://schemas.microsoft.com/office/powerpoint/2010/main" val="4100316129"/>
      </p:ext>
    </p:extLst>
  </p:cSld>
  <p:clrMapOvr>
    <a:masterClrMapping/>
  </p:clrMapOvr>
  <p:extLst>
    <p:ext uri="{DCECCB84-F9BA-43D5-87BE-67443E8EF086}">
      <p15:sldGuideLst xmlns:p15="http://schemas.microsoft.com/office/powerpoint/2012/main">
        <p15:guide id="1" pos="3840">
          <p15:clr>
            <a:srgbClr val="FBAE40"/>
          </p15:clr>
        </p15:guide>
        <p15:guide id="2" pos="3678">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CONTENT_BIG_TITLE_3">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7B9095D-6123-4E81-8B63-59DCFCA2A886}"/>
              </a:ext>
            </a:extLst>
          </p:cNvPr>
          <p:cNvPicPr>
            <a:picLocks noChangeAspect="1"/>
          </p:cNvPicPr>
          <p:nvPr userDrawn="1"/>
        </p:nvPicPr>
        <p:blipFill rotWithShape="1">
          <a:blip r:embed="rId2">
            <a:alphaModFix/>
            <a:extLst>
              <a:ext uri="{BEBA8EAE-BF5A-486C-A8C5-ECC9F3942E4B}">
                <a14:imgProps xmlns:a14="http://schemas.microsoft.com/office/drawing/2010/main">
                  <a14:imgLayer r:embed="rId3">
                    <a14:imgEffect>
                      <a14:saturation sat="0"/>
                    </a14:imgEffect>
                  </a14:imgLayer>
                </a14:imgProps>
              </a:ext>
              <a:ext uri="{28A0092B-C50C-407E-A947-70E740481C1C}">
                <a14:useLocalDpi xmlns:a14="http://schemas.microsoft.com/office/drawing/2010/main"/>
              </a:ext>
            </a:extLst>
          </a:blip>
          <a:srcRect/>
          <a:stretch/>
        </p:blipFill>
        <p:spPr>
          <a:xfrm>
            <a:off x="-5129" y="0"/>
            <a:ext cx="12192000" cy="6858000"/>
          </a:xfrm>
          <a:prstGeom prst="rect">
            <a:avLst/>
          </a:prstGeom>
        </p:spPr>
      </p:pic>
      <p:sp>
        <p:nvSpPr>
          <p:cNvPr id="7" name="Rectangle 6">
            <a:extLst>
              <a:ext uri="{FF2B5EF4-FFF2-40B4-BE49-F238E27FC236}">
                <a16:creationId xmlns:a16="http://schemas.microsoft.com/office/drawing/2014/main" id="{D63AA62D-85E4-4A6A-B9F5-F83352740C8B}"/>
              </a:ext>
            </a:extLst>
          </p:cNvPr>
          <p:cNvSpPr/>
          <p:nvPr userDrawn="1"/>
        </p:nvSpPr>
        <p:spPr>
          <a:xfrm>
            <a:off x="-4" y="-7620"/>
            <a:ext cx="12192000" cy="6858000"/>
          </a:xfrm>
          <a:prstGeom prst="rect">
            <a:avLst/>
          </a:prstGeom>
          <a:solidFill>
            <a:srgbClr val="023552">
              <a:alpha val="46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 name="Rectangle 7">
            <a:extLst>
              <a:ext uri="{FF2B5EF4-FFF2-40B4-BE49-F238E27FC236}">
                <a16:creationId xmlns:a16="http://schemas.microsoft.com/office/drawing/2014/main" id="{81D68978-ABD3-4DCE-8C29-ED5C3951AB40}"/>
              </a:ext>
            </a:extLst>
          </p:cNvPr>
          <p:cNvSpPr/>
          <p:nvPr userDrawn="1"/>
        </p:nvSpPr>
        <p:spPr>
          <a:xfrm>
            <a:off x="-2" y="0"/>
            <a:ext cx="12192000" cy="6858000"/>
          </a:xfrm>
          <a:prstGeom prst="rect">
            <a:avLst/>
          </a:prstGeom>
          <a:solidFill>
            <a:srgbClr val="023552">
              <a:alpha val="68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9" name="Rectangle 8">
            <a:extLst>
              <a:ext uri="{FF2B5EF4-FFF2-40B4-BE49-F238E27FC236}">
                <a16:creationId xmlns:a16="http://schemas.microsoft.com/office/drawing/2014/main" id="{FADFC00E-EE08-4DF7-B23C-4D53FCB75350}"/>
              </a:ext>
            </a:extLst>
          </p:cNvPr>
          <p:cNvSpPr/>
          <p:nvPr userDrawn="1"/>
        </p:nvSpPr>
        <p:spPr>
          <a:xfrm>
            <a:off x="-1" y="-3810"/>
            <a:ext cx="12192000" cy="6858000"/>
          </a:xfrm>
          <a:prstGeom prst="rect">
            <a:avLst/>
          </a:prstGeom>
          <a:gradFill flip="none" rotWithShape="1">
            <a:gsLst>
              <a:gs pos="0">
                <a:srgbClr val="019ADD"/>
              </a:gs>
              <a:gs pos="85000">
                <a:srgbClr val="019ADD">
                  <a:alpha val="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Freeform: Shape 11">
            <a:extLst>
              <a:ext uri="{FF2B5EF4-FFF2-40B4-BE49-F238E27FC236}">
                <a16:creationId xmlns:a16="http://schemas.microsoft.com/office/drawing/2014/main" id="{573D6474-6931-44C4-82DF-E6D1F5A1CFB6}"/>
              </a:ext>
            </a:extLst>
          </p:cNvPr>
          <p:cNvSpPr/>
          <p:nvPr userDrawn="1"/>
        </p:nvSpPr>
        <p:spPr>
          <a:xfrm>
            <a:off x="11496675" y="6162675"/>
            <a:ext cx="695326" cy="695326"/>
          </a:xfrm>
          <a:custGeom>
            <a:avLst/>
            <a:gdLst>
              <a:gd name="connsiteX0" fmla="*/ 1587443 w 1587443"/>
              <a:gd name="connsiteY0" fmla="*/ 0 h 1587443"/>
              <a:gd name="connsiteX1" fmla="*/ 1587443 w 1587443"/>
              <a:gd name="connsiteY1" fmla="*/ 1587443 h 1587443"/>
              <a:gd name="connsiteX2" fmla="*/ 0 w 1587443"/>
              <a:gd name="connsiteY2" fmla="*/ 1587443 h 1587443"/>
            </a:gdLst>
            <a:ahLst/>
            <a:cxnLst>
              <a:cxn ang="0">
                <a:pos x="connsiteX0" y="connsiteY0"/>
              </a:cxn>
              <a:cxn ang="0">
                <a:pos x="connsiteX1" y="connsiteY1"/>
              </a:cxn>
              <a:cxn ang="0">
                <a:pos x="connsiteX2" y="connsiteY2"/>
              </a:cxn>
            </a:cxnLst>
            <a:rect l="l" t="t" r="r" b="b"/>
            <a:pathLst>
              <a:path w="1587443" h="1587443">
                <a:moveTo>
                  <a:pt x="1587443" y="0"/>
                </a:moveTo>
                <a:lnTo>
                  <a:pt x="1587443" y="1587443"/>
                </a:lnTo>
                <a:lnTo>
                  <a:pt x="0" y="1587443"/>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Logo Placeholder">
            <a:extLst>
              <a:ext uri="{FF2B5EF4-FFF2-40B4-BE49-F238E27FC236}">
                <a16:creationId xmlns:a16="http://schemas.microsoft.com/office/drawing/2014/main" id="{372B8628-ED9F-4DF2-A3C2-6376174DF13C}"/>
              </a:ext>
            </a:extLst>
          </p:cNvPr>
          <p:cNvSpPr>
            <a:spLocks noGrp="1"/>
          </p:cNvSpPr>
          <p:nvPr>
            <p:ph type="body" sz="quarter" idx="26" hasCustomPrompt="1"/>
          </p:nvPr>
        </p:nvSpPr>
        <p:spPr>
          <a:xfrm>
            <a:off x="447863" y="6492560"/>
            <a:ext cx="734400" cy="151200"/>
          </a:xfrm>
          <a:prstGeom prst="rect">
            <a:avLst/>
          </a:prstGeom>
          <a:blipFill>
            <a:blip r:embed="rId4"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Tree>
    <p:extLst>
      <p:ext uri="{BB962C8B-B14F-4D97-AF65-F5344CB8AC3E}">
        <p14:creationId xmlns:p14="http://schemas.microsoft.com/office/powerpoint/2010/main" val="304880486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slide">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flipH="1">
            <a:off x="0" y="-1"/>
            <a:ext cx="12192000" cy="6863712"/>
          </a:xfrm>
          <a:prstGeom prst="rect">
            <a:avLst/>
          </a:prstGeom>
        </p:spPr>
      </p:pic>
      <p:sp>
        <p:nvSpPr>
          <p:cNvPr id="17" name="Picture Placeholder 14"/>
          <p:cNvSpPr>
            <a:spLocks noGrp="1"/>
          </p:cNvSpPr>
          <p:nvPr>
            <p:ph type="pic" sz="quarter" idx="16" hasCustomPrompt="1"/>
          </p:nvPr>
        </p:nvSpPr>
        <p:spPr>
          <a:xfrm>
            <a:off x="0" y="-1"/>
            <a:ext cx="12192000" cy="6869427"/>
          </a:xfrm>
          <a:prstGeom prst="rect">
            <a:avLst/>
          </a:prstGeom>
        </p:spPr>
        <p:txBody>
          <a:bodyPr lIns="2560320" rIns="274320" bIns="274320" anchor="b" anchorCtr="0">
            <a:noAutofit/>
          </a:bodyPr>
          <a:lstStyle>
            <a:lvl1pPr algn="r">
              <a:defRPr sz="2000" baseline="0">
                <a:solidFill>
                  <a:schemeClr val="bg2">
                    <a:lumMod val="40000"/>
                    <a:lumOff val="60000"/>
                  </a:schemeClr>
                </a:solidFill>
                <a:sym typeface="Wingdings" panose="05000000000000000000" pitchFamily="2" charset="2"/>
              </a:defRPr>
            </a:lvl1pPr>
          </a:lstStyle>
          <a:p>
            <a:r>
              <a:rPr lang="en-GB"/>
              <a:t>Click [here] once and add an image via Templafy or add a picture from your computer: click the Insert tab  Pictures</a:t>
            </a:r>
          </a:p>
        </p:txBody>
      </p:sp>
      <p:sp>
        <p:nvSpPr>
          <p:cNvPr id="2" name="Title 1"/>
          <p:cNvSpPr>
            <a:spLocks noGrp="1"/>
          </p:cNvSpPr>
          <p:nvPr>
            <p:ph type="ctrTitle" hasCustomPrompt="1"/>
          </p:nvPr>
        </p:nvSpPr>
        <p:spPr>
          <a:xfrm>
            <a:off x="444879" y="2615184"/>
            <a:ext cx="8334000" cy="1618507"/>
          </a:xfrm>
          <a:prstGeom prst="rect">
            <a:avLst/>
          </a:prstGeom>
        </p:spPr>
        <p:txBody>
          <a:bodyPr anchor="b"/>
          <a:lstStyle>
            <a:lvl1pPr algn="l">
              <a:lnSpc>
                <a:spcPct val="100000"/>
              </a:lnSpc>
              <a:defRPr sz="5200" b="1">
                <a:solidFill>
                  <a:schemeClr val="bg1"/>
                </a:solidFill>
                <a:latin typeface="Open Sans" panose="020B0606030504020204" pitchFamily="34" charset="0"/>
                <a:ea typeface="Open Sans" panose="020B0606030504020204" pitchFamily="34" charset="0"/>
                <a:cs typeface="Open Sans" panose="020B0606030504020204" pitchFamily="34" charset="0"/>
              </a:defRPr>
            </a:lvl1pPr>
          </a:lstStyle>
          <a:p>
            <a:r>
              <a:rPr lang="en-GB"/>
              <a:t>Click to add title</a:t>
            </a:r>
          </a:p>
        </p:txBody>
      </p:sp>
      <p:sp>
        <p:nvSpPr>
          <p:cNvPr id="3" name="Subtitle 2"/>
          <p:cNvSpPr>
            <a:spLocks noGrp="1"/>
          </p:cNvSpPr>
          <p:nvPr>
            <p:ph type="subTitle" idx="1" hasCustomPrompt="1"/>
          </p:nvPr>
        </p:nvSpPr>
        <p:spPr>
          <a:xfrm>
            <a:off x="444879" y="4275048"/>
            <a:ext cx="8334000" cy="930205"/>
          </a:xfrm>
          <a:prstGeom prst="rect">
            <a:avLst/>
          </a:prstGeom>
        </p:spPr>
        <p:txBody>
          <a:bodyPr/>
          <a:lstStyle>
            <a:lvl1pPr marL="0" indent="0" algn="l">
              <a:spcBef>
                <a:spcPts val="0"/>
              </a:spcBef>
              <a:buFont typeface="Arial" panose="020B0604020202020204" pitchFamily="34" charset="0"/>
              <a:buChar char="​"/>
              <a:defRPr sz="2400">
                <a:solidFill>
                  <a:schemeClr val="accent3"/>
                </a:solidFill>
                <a:latin typeface="+mn-lt"/>
                <a:ea typeface="Open Sans" panose="020B0606030504020204" pitchFamily="34" charset="0"/>
                <a:cs typeface="Open Sans" panose="020B0606030504020204" pitchFamily="34" charset="0"/>
              </a:defRPr>
            </a:lvl1pPr>
            <a:lvl2pPr marL="800100" indent="-342900" algn="l">
              <a:buFont typeface="Arial" panose="020B0604020202020204" pitchFamily="34" charset="0"/>
              <a:buChar char="•"/>
              <a:defRPr sz="2000"/>
            </a:lvl2pPr>
            <a:lvl3pPr marL="1200150" indent="-285750" algn="l">
              <a:buFont typeface="Arial" panose="020B0604020202020204" pitchFamily="34" charset="0"/>
              <a:buChar char="•"/>
              <a:defRPr sz="2000"/>
            </a:lvl3pPr>
            <a:lvl4pPr marL="1657350" indent="-285750" algn="l">
              <a:buFont typeface="Arial" panose="020B0604020202020204" pitchFamily="34" charset="0"/>
              <a:buChar char="•"/>
              <a:defRPr sz="2000"/>
            </a:lvl4pPr>
            <a:lvl5pPr marL="2114550" indent="-285750" algn="l">
              <a:buFont typeface="Arial" panose="020B0604020202020204" pitchFamily="34" charset="0"/>
              <a:buChar char="•"/>
              <a:defRPr sz="2000"/>
            </a:lvl5pPr>
            <a:lvl6pPr marL="2571750" indent="-285750" algn="l">
              <a:buFont typeface="Arial" panose="020B0604020202020204" pitchFamily="34" charset="0"/>
              <a:buChar char="•"/>
              <a:defRPr sz="2000"/>
            </a:lvl6pPr>
            <a:lvl7pPr marL="3028950" indent="-285750" algn="l">
              <a:buFont typeface="Arial" panose="020B0604020202020204" pitchFamily="34" charset="0"/>
              <a:buChar char="•"/>
              <a:defRPr sz="2000"/>
            </a:lvl7pPr>
            <a:lvl8pPr marL="3486150" indent="-285750" algn="l">
              <a:buFont typeface="Arial" panose="020B0604020202020204" pitchFamily="34" charset="0"/>
              <a:buChar char="•"/>
              <a:defRPr sz="2000"/>
            </a:lvl8pPr>
            <a:lvl9pPr marL="3943350" indent="-285750" algn="l">
              <a:buFont typeface="Arial" panose="020B0604020202020204" pitchFamily="34" charset="0"/>
              <a:buChar char="•"/>
              <a:defRPr sz="2000"/>
            </a:lvl9pPr>
          </a:lstStyle>
          <a:p>
            <a:r>
              <a:rPr lang="en-GB" sz="2800">
                <a:solidFill>
                  <a:srgbClr val="FFE800"/>
                </a:solidFill>
                <a:latin typeface="Verdana" charset="0"/>
                <a:ea typeface="Verdana" charset="0"/>
                <a:cs typeface="Verdana" charset="0"/>
              </a:rPr>
              <a:t>NAME NAMESON</a:t>
            </a:r>
            <a:br>
              <a:rPr lang="en-GB" sz="2800">
                <a:solidFill>
                  <a:srgbClr val="FFE800"/>
                </a:solidFill>
                <a:latin typeface="Verdana" charset="0"/>
                <a:ea typeface="Verdana" charset="0"/>
                <a:cs typeface="Verdana" charset="0"/>
              </a:rPr>
            </a:br>
            <a:r>
              <a:rPr lang="en-GB" sz="2400" b="1">
                <a:solidFill>
                  <a:srgbClr val="FFE800"/>
                </a:solidFill>
                <a:latin typeface="Verdana" charset="0"/>
                <a:ea typeface="Verdana" charset="0"/>
                <a:cs typeface="Verdana" charset="0"/>
              </a:rPr>
              <a:t>TITLE, DEPARTMENT</a:t>
            </a:r>
            <a:endParaRPr lang="en-GB"/>
          </a:p>
        </p:txBody>
      </p:sp>
      <p:sp>
        <p:nvSpPr>
          <p:cNvPr id="11" name="Pladsholder til sidefod 10" hidden="1"/>
          <p:cNvSpPr>
            <a:spLocks noGrp="1"/>
          </p:cNvSpPr>
          <p:nvPr>
            <p:ph type="ftr" sz="quarter" idx="20"/>
          </p:nvPr>
        </p:nvSpPr>
        <p:spPr>
          <a:xfrm>
            <a:off x="0" y="7020000"/>
            <a:ext cx="0" cy="0"/>
          </a:xfrm>
          <a:prstGeom prst="rect">
            <a:avLst/>
          </a:prstGeom>
        </p:spPr>
        <p:txBody>
          <a:bodyPr/>
          <a:lstStyle>
            <a:lvl1pPr>
              <a:defRPr sz="100">
                <a:noFill/>
              </a:defRPr>
            </a:lvl1pPr>
          </a:lstStyle>
          <a:p>
            <a:endParaRPr lang="en-GB"/>
          </a:p>
        </p:txBody>
      </p:sp>
      <p:sp>
        <p:nvSpPr>
          <p:cNvPr id="12" name="Pladsholder til slidenummer 11" hidden="1"/>
          <p:cNvSpPr>
            <a:spLocks noGrp="1"/>
          </p:cNvSpPr>
          <p:nvPr>
            <p:ph type="sldNum" sz="quarter" idx="21"/>
          </p:nvPr>
        </p:nvSpPr>
        <p:spPr>
          <a:xfrm>
            <a:off x="0" y="7020000"/>
            <a:ext cx="0" cy="0"/>
          </a:xfrm>
          <a:prstGeom prst="rect">
            <a:avLst/>
          </a:prstGeom>
        </p:spPr>
        <p:txBody>
          <a:bodyPr/>
          <a:lstStyle>
            <a:lvl1pPr>
              <a:defRPr sz="100">
                <a:noFill/>
              </a:defRPr>
            </a:lvl1pPr>
          </a:lstStyle>
          <a:p>
            <a:fld id="{24C8C45C-947F-4981-8B3F-4F32E973C901}" type="slidenum">
              <a:rPr lang="en-GB" smtClean="0"/>
              <a:pPr/>
              <a:t>‹#›</a:t>
            </a:fld>
            <a:endParaRPr lang="en-GB"/>
          </a:p>
        </p:txBody>
      </p:sp>
      <p:sp>
        <p:nvSpPr>
          <p:cNvPr id="16" name="Logo Placeholder"/>
          <p:cNvSpPr>
            <a:spLocks noGrp="1"/>
          </p:cNvSpPr>
          <p:nvPr>
            <p:ph type="body" sz="quarter" idx="14" hasCustomPrompt="1"/>
          </p:nvPr>
        </p:nvSpPr>
        <p:spPr>
          <a:xfrm>
            <a:off x="508956" y="6379449"/>
            <a:ext cx="1152000" cy="234000"/>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
        <p:nvSpPr>
          <p:cNvPr id="14" name="Graphics Placeholder"/>
          <p:cNvSpPr>
            <a:spLocks noGrp="1"/>
          </p:cNvSpPr>
          <p:nvPr>
            <p:ph type="body" sz="quarter" idx="15" hasCustomPrompt="1"/>
          </p:nvPr>
        </p:nvSpPr>
        <p:spPr>
          <a:xfrm>
            <a:off x="7214759" y="4539"/>
            <a:ext cx="4928400" cy="2368800"/>
          </a:xfrm>
          <a:prstGeom prst="rect">
            <a:avLst/>
          </a:prstGeom>
          <a:blipFill>
            <a:blip r:embed="rId4"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g</a:t>
            </a:r>
            <a:endParaRPr lang="en-GB"/>
          </a:p>
        </p:txBody>
      </p:sp>
      <p:sp>
        <p:nvSpPr>
          <p:cNvPr id="15" name="Text Placeholder 2"/>
          <p:cNvSpPr>
            <a:spLocks noGrp="1"/>
          </p:cNvSpPr>
          <p:nvPr>
            <p:ph type="body" sz="quarter" idx="23" hasCustomPrompt="1"/>
          </p:nvPr>
        </p:nvSpPr>
        <p:spPr>
          <a:xfrm>
            <a:off x="245608" y="273900"/>
            <a:ext cx="1746504" cy="978408"/>
          </a:xfrm>
          <a:prstGeom prst="rect">
            <a:avLst/>
          </a:prstGeom>
          <a:blipFill dpi="0" rotWithShape="1">
            <a:blip r:embed="rId5"/>
            <a:srcRect/>
            <a:stretch>
              <a:fillRect/>
            </a:stretch>
          </a:blipFill>
        </p:spPr>
        <p:txBody>
          <a:bodyPr>
            <a:normAutofit/>
          </a:bodyPr>
          <a:lstStyle>
            <a:lvl1pPr>
              <a:defRPr sz="100"/>
            </a:lvl1pPr>
          </a:lstStyle>
          <a:p>
            <a:pPr lvl="0"/>
            <a:r>
              <a:rPr lang="en-GB"/>
              <a:t>.</a:t>
            </a:r>
          </a:p>
        </p:txBody>
      </p:sp>
    </p:spTree>
    <p:extLst>
      <p:ext uri="{BB962C8B-B14F-4D97-AF65-F5344CB8AC3E}">
        <p14:creationId xmlns:p14="http://schemas.microsoft.com/office/powerpoint/2010/main" val="342242514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1_Text and Graph">
    <p:spTree>
      <p:nvGrpSpPr>
        <p:cNvPr id="1" name=""/>
        <p:cNvGrpSpPr/>
        <p:nvPr/>
      </p:nvGrpSpPr>
      <p:grpSpPr>
        <a:xfrm>
          <a:off x="0" y="0"/>
          <a:ext cx="0" cy="0"/>
          <a:chOff x="0" y="0"/>
          <a:chExt cx="0" cy="0"/>
        </a:xfrm>
      </p:grpSpPr>
      <p:sp>
        <p:nvSpPr>
          <p:cNvPr id="12" name="BAckground gray"/>
          <p:cNvSpPr/>
          <p:nvPr userDrawn="1"/>
        </p:nvSpPr>
        <p:spPr>
          <a:xfrm>
            <a:off x="6094800" y="0"/>
            <a:ext cx="6102000" cy="6858000"/>
          </a:xfrm>
          <a:prstGeom prst="rect">
            <a:avLst/>
          </a:prstGeom>
          <a:solidFill>
            <a:srgbClr val="F1F1F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title" hasCustomPrompt="1"/>
          </p:nvPr>
        </p:nvSpPr>
        <p:spPr>
          <a:xfrm>
            <a:off x="447480" y="149087"/>
            <a:ext cx="5389200" cy="1334113"/>
          </a:xfrm>
          <a:prstGeom prst="rect">
            <a:avLst/>
          </a:prstGeom>
        </p:spPr>
        <p:txBody>
          <a:bodyPr/>
          <a:lstStyle>
            <a:lvl1pPr>
              <a:defRPr/>
            </a:lvl1pPr>
          </a:lstStyle>
          <a:p>
            <a:r>
              <a:rPr lang="en-GB"/>
              <a:t>Click to add title</a:t>
            </a:r>
          </a:p>
        </p:txBody>
      </p:sp>
      <p:sp>
        <p:nvSpPr>
          <p:cNvPr id="11" name="Content Placeholder 2"/>
          <p:cNvSpPr>
            <a:spLocks noGrp="1"/>
          </p:cNvSpPr>
          <p:nvPr>
            <p:ph sz="quarter" idx="22" hasCustomPrompt="1"/>
          </p:nvPr>
        </p:nvSpPr>
        <p:spPr>
          <a:xfrm>
            <a:off x="447862" y="1623598"/>
            <a:ext cx="5388817" cy="4715289"/>
          </a:xfrm>
          <a:prstGeom prst="rect">
            <a:avLst/>
          </a:prstGeom>
        </p:spPr>
        <p:txBody>
          <a:bodyPr/>
          <a:lstStyle/>
          <a:p>
            <a:pPr lvl="0"/>
            <a:r>
              <a:rPr lang="en-GB"/>
              <a:t>Click here to edit text or click one of the icons to add a table or chart</a:t>
            </a:r>
          </a:p>
          <a:p>
            <a:pPr lvl="1"/>
            <a:r>
              <a:rPr lang="en-GB"/>
              <a:t>Second level</a:t>
            </a:r>
          </a:p>
          <a:p>
            <a:pPr lvl="2"/>
            <a:r>
              <a:rPr lang="en-GB"/>
              <a:t>Third level</a:t>
            </a:r>
          </a:p>
          <a:p>
            <a:pPr lvl="3"/>
            <a:r>
              <a:rPr lang="en-GB"/>
              <a:t>Fourth level</a:t>
            </a:r>
          </a:p>
          <a:p>
            <a:pPr lvl="4"/>
            <a:r>
              <a:rPr lang="en-GB"/>
              <a:t>Fifth level</a:t>
            </a:r>
          </a:p>
        </p:txBody>
      </p:sp>
      <p:sp>
        <p:nvSpPr>
          <p:cNvPr id="3" name="Pladsholder til dato 2" hidden="1"/>
          <p:cNvSpPr>
            <a:spLocks noGrp="1"/>
          </p:cNvSpPr>
          <p:nvPr>
            <p:ph type="dt" sz="half" idx="19"/>
          </p:nvPr>
        </p:nvSpPr>
        <p:spPr/>
        <p:txBody>
          <a:bodyPr/>
          <a:lstStyle/>
          <a:p>
            <a:endParaRPr lang="en-GB"/>
          </a:p>
        </p:txBody>
      </p:sp>
      <p:sp>
        <p:nvSpPr>
          <p:cNvPr id="8" name="Pladsholder til sidefod 7"/>
          <p:cNvSpPr>
            <a:spLocks noGrp="1"/>
          </p:cNvSpPr>
          <p:nvPr>
            <p:ph type="ftr" sz="quarter" idx="20"/>
          </p:nvPr>
        </p:nvSpPr>
        <p:spPr>
          <a:xfrm>
            <a:off x="1288782" y="6479087"/>
            <a:ext cx="4536000" cy="147600"/>
          </a:xfrm>
        </p:spPr>
        <p:txBody>
          <a:bodyPr/>
          <a:lstStyle/>
          <a:p>
            <a:endParaRPr lang="en-GB"/>
          </a:p>
        </p:txBody>
      </p:sp>
      <p:sp>
        <p:nvSpPr>
          <p:cNvPr id="9" name="Pladsholder til slidenummer 8" hidden="1"/>
          <p:cNvSpPr>
            <a:spLocks noGrp="1"/>
          </p:cNvSpPr>
          <p:nvPr>
            <p:ph type="sldNum" sz="quarter" idx="21"/>
          </p:nvPr>
        </p:nvSpPr>
        <p:spPr/>
        <p:txBody>
          <a:bodyPr/>
          <a:lstStyle/>
          <a:p>
            <a:fld id="{4D71782F-9FF7-4AE4-B0B3-64936DF31C11}" type="slidenum">
              <a:rPr lang="en-GB" smtClean="0"/>
              <a:pPr/>
              <a:t>‹#›</a:t>
            </a:fld>
            <a:endParaRPr lang="en-GB"/>
          </a:p>
        </p:txBody>
      </p:sp>
      <p:sp>
        <p:nvSpPr>
          <p:cNvPr id="13" name="Logo Placeholder"/>
          <p:cNvSpPr>
            <a:spLocks noGrp="1"/>
          </p:cNvSpPr>
          <p:nvPr>
            <p:ph type="body" sz="quarter" idx="14" hasCustomPrompt="1"/>
          </p:nvPr>
        </p:nvSpPr>
        <p:spPr>
          <a:xfrm>
            <a:off x="447863" y="6492560"/>
            <a:ext cx="734400" cy="151200"/>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Tree>
    <p:extLst>
      <p:ext uri="{BB962C8B-B14F-4D97-AF65-F5344CB8AC3E}">
        <p14:creationId xmlns:p14="http://schemas.microsoft.com/office/powerpoint/2010/main" val="1603464426"/>
      </p:ext>
    </p:extLst>
  </p:cSld>
  <p:clrMapOvr>
    <a:masterClrMapping/>
  </p:clrMapOvr>
  <p:extLst>
    <p:ext uri="{DCECCB84-F9BA-43D5-87BE-67443E8EF086}">
      <p15:sldGuideLst xmlns:p15="http://schemas.microsoft.com/office/powerpoint/2012/main">
        <p15:guide id="1" pos="3817">
          <p15:clr>
            <a:srgbClr val="FBAE40"/>
          </p15:clr>
        </p15:guide>
        <p15:guide id="2" pos="3676">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2_Text and Picture Blue">
    <p:spTree>
      <p:nvGrpSpPr>
        <p:cNvPr id="1" name=""/>
        <p:cNvGrpSpPr/>
        <p:nvPr/>
      </p:nvGrpSpPr>
      <p:grpSpPr>
        <a:xfrm>
          <a:off x="0" y="0"/>
          <a:ext cx="0" cy="0"/>
          <a:chOff x="0" y="0"/>
          <a:chExt cx="0" cy="0"/>
        </a:xfrm>
      </p:grpSpPr>
      <p:pic>
        <p:nvPicPr>
          <p:cNvPr id="12" name="Picture 11"/>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 y="0"/>
            <a:ext cx="12191999" cy="6858000"/>
          </a:xfrm>
          <a:prstGeom prst="rect">
            <a:avLst/>
          </a:prstGeom>
        </p:spPr>
      </p:pic>
      <p:sp>
        <p:nvSpPr>
          <p:cNvPr id="2" name="Rectangle 1">
            <a:extLst>
              <a:ext uri="{FF2B5EF4-FFF2-40B4-BE49-F238E27FC236}">
                <a16:creationId xmlns:a16="http://schemas.microsoft.com/office/drawing/2014/main" id="{A27D6962-FF55-3847-B3AE-AE055B0075B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47325633"/>
      </p:ext>
    </p:extLst>
  </p:cSld>
  <p:clrMapOvr>
    <a:masterClrMapping/>
  </p:clrMapOvr>
  <p:extLst>
    <p:ext uri="{DCECCB84-F9BA-43D5-87BE-67443E8EF086}">
      <p15:sldGuideLst xmlns:p15="http://schemas.microsoft.com/office/powerpoint/2012/main">
        <p15:guide id="1" pos="3840">
          <p15:clr>
            <a:srgbClr val="FBAE40"/>
          </p15:clr>
        </p15:guide>
        <p15:guide id="2" pos="3678">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chart etc.)">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47863" y="421240"/>
            <a:ext cx="8334000" cy="1061960"/>
          </a:xfrm>
          <a:prstGeom prst="rect">
            <a:avLst/>
          </a:prstGeom>
        </p:spPr>
        <p:txBody>
          <a:bodyPr/>
          <a:lstStyle>
            <a:lvl1pPr>
              <a:defRPr>
                <a:latin typeface="+mj-lt"/>
              </a:defRPr>
            </a:lvl1pPr>
          </a:lstStyle>
          <a:p>
            <a:r>
              <a:rPr lang="en-GB" noProof="0"/>
              <a:t>Click to add title</a:t>
            </a:r>
            <a:endParaRPr lang="en-GB"/>
          </a:p>
        </p:txBody>
      </p:sp>
      <p:sp>
        <p:nvSpPr>
          <p:cNvPr id="7" name="Content Placeholder 2"/>
          <p:cNvSpPr>
            <a:spLocks noGrp="1"/>
          </p:cNvSpPr>
          <p:nvPr>
            <p:ph sz="quarter" idx="19" hasCustomPrompt="1"/>
          </p:nvPr>
        </p:nvSpPr>
        <p:spPr>
          <a:xfrm>
            <a:off x="447863" y="1623600"/>
            <a:ext cx="11102400" cy="4716000"/>
          </a:xfrm>
          <a:prstGeom prst="rect">
            <a:avLst/>
          </a:prstGeom>
        </p:spPr>
        <p:txBody>
          <a:bodyPr/>
          <a:lstStyle/>
          <a:p>
            <a:pPr lvl="0"/>
            <a:r>
              <a:rPr lang="en-GB"/>
              <a:t>Click here to edit text or click one of the icons to add a table or chart</a:t>
            </a:r>
          </a:p>
          <a:p>
            <a:pPr lvl="1"/>
            <a:r>
              <a:rPr lang="en-GB"/>
              <a:t>Second level</a:t>
            </a:r>
          </a:p>
          <a:p>
            <a:pPr lvl="2"/>
            <a:r>
              <a:rPr lang="en-GB"/>
              <a:t>Third level</a:t>
            </a:r>
          </a:p>
          <a:p>
            <a:pPr lvl="3"/>
            <a:r>
              <a:rPr lang="en-GB"/>
              <a:t>Fourth level</a:t>
            </a:r>
          </a:p>
          <a:p>
            <a:pPr lvl="4"/>
            <a:r>
              <a:rPr lang="en-GB"/>
              <a:t>Fifth level</a:t>
            </a:r>
          </a:p>
        </p:txBody>
      </p:sp>
      <p:sp>
        <p:nvSpPr>
          <p:cNvPr id="8" name="Logo Placeholder"/>
          <p:cNvSpPr>
            <a:spLocks noGrp="1"/>
          </p:cNvSpPr>
          <p:nvPr>
            <p:ph type="body" sz="quarter" idx="14" hasCustomPrompt="1"/>
          </p:nvPr>
        </p:nvSpPr>
        <p:spPr>
          <a:xfrm>
            <a:off x="447863" y="6492560"/>
            <a:ext cx="734400" cy="151200"/>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
        <p:nvSpPr>
          <p:cNvPr id="9" name="Date Placeholder 8" hidden="1">
            <a:extLst>
              <a:ext uri="{FF2B5EF4-FFF2-40B4-BE49-F238E27FC236}">
                <a16:creationId xmlns:a16="http://schemas.microsoft.com/office/drawing/2014/main" id="{26D24F4C-1B40-4029-95F6-C42AD609D16D}"/>
              </a:ext>
            </a:extLst>
          </p:cNvPr>
          <p:cNvSpPr>
            <a:spLocks noGrp="1"/>
          </p:cNvSpPr>
          <p:nvPr>
            <p:ph type="dt" sz="half" idx="20"/>
          </p:nvPr>
        </p:nvSpPr>
        <p:spPr/>
        <p:txBody>
          <a:bodyPr/>
          <a:lstStyle/>
          <a:p>
            <a:r>
              <a:rPr lang="en-GB"/>
              <a:t>15/02/2022</a:t>
            </a:r>
          </a:p>
        </p:txBody>
      </p:sp>
      <p:sp>
        <p:nvSpPr>
          <p:cNvPr id="10" name="Footer Placeholder 9">
            <a:extLst>
              <a:ext uri="{FF2B5EF4-FFF2-40B4-BE49-F238E27FC236}">
                <a16:creationId xmlns:a16="http://schemas.microsoft.com/office/drawing/2014/main" id="{DF6014D1-FA48-48A9-8911-5972B1D188FF}"/>
              </a:ext>
            </a:extLst>
          </p:cNvPr>
          <p:cNvSpPr>
            <a:spLocks noGrp="1"/>
          </p:cNvSpPr>
          <p:nvPr>
            <p:ph type="ftr" sz="quarter" idx="21"/>
          </p:nvPr>
        </p:nvSpPr>
        <p:spPr/>
        <p:txBody>
          <a:bodyPr/>
          <a:lstStyle/>
          <a:p>
            <a:endParaRPr lang="en-GB"/>
          </a:p>
        </p:txBody>
      </p:sp>
      <p:sp>
        <p:nvSpPr>
          <p:cNvPr id="14" name="Slide Number Placeholder 13" hidden="1">
            <a:extLst>
              <a:ext uri="{FF2B5EF4-FFF2-40B4-BE49-F238E27FC236}">
                <a16:creationId xmlns:a16="http://schemas.microsoft.com/office/drawing/2014/main" id="{A70F9C98-5198-4FAE-B090-74266740E725}"/>
              </a:ext>
            </a:extLst>
          </p:cNvPr>
          <p:cNvSpPr>
            <a:spLocks noGrp="1"/>
          </p:cNvSpPr>
          <p:nvPr>
            <p:ph type="sldNum" sz="quarter" idx="22"/>
          </p:nvPr>
        </p:nvSpPr>
        <p:spPr/>
        <p:txBody>
          <a:bodyPr/>
          <a:lstStyle/>
          <a:p>
            <a:fld id="{4D71782F-9FF7-4AE4-B0B3-64936DF31C11}" type="slidenum">
              <a:rPr lang="en-GB" smtClean="0"/>
              <a:pPr/>
              <a:t>‹#›</a:t>
            </a:fld>
            <a:endParaRPr lang="en-GB"/>
          </a:p>
        </p:txBody>
      </p:sp>
    </p:spTree>
    <p:extLst>
      <p:ext uri="{BB962C8B-B14F-4D97-AF65-F5344CB8AC3E}">
        <p14:creationId xmlns:p14="http://schemas.microsoft.com/office/powerpoint/2010/main" val="11545293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Breaker">
    <p:spTree>
      <p:nvGrpSpPr>
        <p:cNvPr id="1" name=""/>
        <p:cNvGrpSpPr/>
        <p:nvPr/>
      </p:nvGrpSpPr>
      <p:grpSpPr>
        <a:xfrm>
          <a:off x="0" y="0"/>
          <a:ext cx="0" cy="0"/>
          <a:chOff x="0" y="0"/>
          <a:chExt cx="0" cy="0"/>
        </a:xfrm>
      </p:grpSpPr>
      <p:sp>
        <p:nvSpPr>
          <p:cNvPr id="13" name="Background Blue"/>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21" name="Picture 20"/>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flipH="1">
            <a:off x="-5741" y="0"/>
            <a:ext cx="12192000" cy="6858000"/>
          </a:xfrm>
          <a:prstGeom prst="rect">
            <a:avLst/>
          </a:prstGeom>
        </p:spPr>
      </p:pic>
      <p:sp>
        <p:nvSpPr>
          <p:cNvPr id="16" name="Title 1"/>
          <p:cNvSpPr>
            <a:spLocks noGrp="1"/>
          </p:cNvSpPr>
          <p:nvPr>
            <p:ph type="ctrTitle" hasCustomPrompt="1"/>
          </p:nvPr>
        </p:nvSpPr>
        <p:spPr>
          <a:xfrm>
            <a:off x="444879" y="2612095"/>
            <a:ext cx="8334000" cy="1620000"/>
          </a:xfrm>
          <a:prstGeom prst="rect">
            <a:avLst/>
          </a:prstGeom>
        </p:spPr>
        <p:txBody>
          <a:bodyPr anchor="ctr" anchorCtr="0"/>
          <a:lstStyle>
            <a:lvl1pPr algn="l">
              <a:defRPr sz="5200" b="1">
                <a:solidFill>
                  <a:schemeClr val="bg1"/>
                </a:solidFill>
                <a:latin typeface="Open Sans" panose="020B0606030504020204" pitchFamily="34" charset="0"/>
                <a:ea typeface="Open Sans" panose="020B0606030504020204" pitchFamily="34" charset="0"/>
                <a:cs typeface="Open Sans" panose="020B0606030504020204" pitchFamily="34" charset="0"/>
              </a:defRPr>
            </a:lvl1pPr>
          </a:lstStyle>
          <a:p>
            <a:r>
              <a:rPr lang="en-GB"/>
              <a:t>Click to add breaker slide title</a:t>
            </a:r>
          </a:p>
        </p:txBody>
      </p:sp>
      <p:sp>
        <p:nvSpPr>
          <p:cNvPr id="3" name="Pladsholder til sidefod 2"/>
          <p:cNvSpPr>
            <a:spLocks noGrp="1"/>
          </p:cNvSpPr>
          <p:nvPr>
            <p:ph type="ftr" sz="quarter" idx="24"/>
          </p:nvPr>
        </p:nvSpPr>
        <p:spPr>
          <a:xfrm>
            <a:off x="1288782" y="6479087"/>
            <a:ext cx="5400000" cy="147600"/>
          </a:xfrm>
          <a:noFill/>
          <a:effectLst/>
        </p:spPr>
        <p:txBody>
          <a:bodyPr/>
          <a:lstStyle>
            <a:lvl1pPr>
              <a:defRPr>
                <a:solidFill>
                  <a:schemeClr val="bg1"/>
                </a:solidFill>
              </a:defRPr>
            </a:lvl1pPr>
          </a:lstStyle>
          <a:p>
            <a:endParaRPr lang="en-GB"/>
          </a:p>
        </p:txBody>
      </p:sp>
      <p:sp>
        <p:nvSpPr>
          <p:cNvPr id="24" name="Logo Placeholder"/>
          <p:cNvSpPr>
            <a:spLocks noGrp="1"/>
          </p:cNvSpPr>
          <p:nvPr>
            <p:ph type="body" sz="quarter" idx="26" hasCustomPrompt="1"/>
          </p:nvPr>
        </p:nvSpPr>
        <p:spPr>
          <a:xfrm>
            <a:off x="447863" y="6492560"/>
            <a:ext cx="734400" cy="151200"/>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
        <p:nvSpPr>
          <p:cNvPr id="2" name="Pladsholder til dato 1" hidden="1"/>
          <p:cNvSpPr>
            <a:spLocks noGrp="1"/>
          </p:cNvSpPr>
          <p:nvPr>
            <p:ph type="dt" sz="half" idx="23"/>
          </p:nvPr>
        </p:nvSpPr>
        <p:spPr/>
        <p:txBody>
          <a:bodyPr/>
          <a:lstStyle/>
          <a:p>
            <a:endParaRPr lang="en-GB"/>
          </a:p>
        </p:txBody>
      </p:sp>
      <p:sp>
        <p:nvSpPr>
          <p:cNvPr id="4" name="Pladsholder til slidenummer 3" hidden="1"/>
          <p:cNvSpPr>
            <a:spLocks noGrp="1"/>
          </p:cNvSpPr>
          <p:nvPr>
            <p:ph type="sldNum" sz="quarter" idx="25"/>
          </p:nvPr>
        </p:nvSpPr>
        <p:spPr/>
        <p:txBody>
          <a:bodyPr/>
          <a:lstStyle/>
          <a:p>
            <a:fld id="{4D71782F-9FF7-4AE4-B0B3-64936DF31C11}" type="slidenum">
              <a:rPr lang="en-GB" smtClean="0"/>
              <a:pPr/>
              <a:t>‹#›</a:t>
            </a:fld>
            <a:endParaRPr lang="en-GB"/>
          </a:p>
        </p:txBody>
      </p:sp>
      <p:sp>
        <p:nvSpPr>
          <p:cNvPr id="10" name="Graphics Placeholder"/>
          <p:cNvSpPr>
            <a:spLocks noGrp="1"/>
          </p:cNvSpPr>
          <p:nvPr>
            <p:ph type="body" sz="quarter" idx="15" hasCustomPrompt="1"/>
          </p:nvPr>
        </p:nvSpPr>
        <p:spPr>
          <a:xfrm>
            <a:off x="7214759" y="4539"/>
            <a:ext cx="4928400" cy="2368800"/>
          </a:xfrm>
          <a:prstGeom prst="rect">
            <a:avLst/>
          </a:prstGeom>
          <a:blipFill>
            <a:blip r:embed="rId4"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g</a:t>
            </a:r>
            <a:endParaRPr lang="en-GB"/>
          </a:p>
        </p:txBody>
      </p:sp>
    </p:spTree>
    <p:extLst>
      <p:ext uri="{BB962C8B-B14F-4D97-AF65-F5344CB8AC3E}">
        <p14:creationId xmlns:p14="http://schemas.microsoft.com/office/powerpoint/2010/main" val="99605666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Double conten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447863" y="421240"/>
            <a:ext cx="8334000" cy="1061960"/>
          </a:xfrm>
          <a:prstGeom prst="rect">
            <a:avLst/>
          </a:prstGeom>
        </p:spPr>
        <p:txBody>
          <a:bodyPr/>
          <a:lstStyle>
            <a:lvl1pPr>
              <a:defRPr/>
            </a:lvl1pPr>
          </a:lstStyle>
          <a:p>
            <a:r>
              <a:rPr lang="en-GB"/>
              <a:t>Click to add title</a:t>
            </a:r>
          </a:p>
        </p:txBody>
      </p:sp>
      <p:sp>
        <p:nvSpPr>
          <p:cNvPr id="9" name="Content Placeholder 2"/>
          <p:cNvSpPr>
            <a:spLocks noGrp="1"/>
          </p:cNvSpPr>
          <p:nvPr>
            <p:ph sz="quarter" idx="19" hasCustomPrompt="1"/>
          </p:nvPr>
        </p:nvSpPr>
        <p:spPr>
          <a:xfrm>
            <a:off x="447863" y="1623599"/>
            <a:ext cx="5257612" cy="4356000"/>
          </a:xfrm>
          <a:prstGeom prst="rect">
            <a:avLst/>
          </a:prstGeom>
        </p:spPr>
        <p:txBody>
          <a:bodyPr/>
          <a:lstStyle/>
          <a:p>
            <a:pPr lvl="0"/>
            <a:r>
              <a:rPr lang="en-GB"/>
              <a:t>Click here to edit text or click one of the icons to add a table or chart</a:t>
            </a:r>
          </a:p>
          <a:p>
            <a:pPr lvl="1"/>
            <a:r>
              <a:rPr lang="en-GB"/>
              <a:t>Second level</a:t>
            </a:r>
          </a:p>
          <a:p>
            <a:pPr lvl="2"/>
            <a:r>
              <a:rPr lang="en-GB"/>
              <a:t>Third level</a:t>
            </a:r>
          </a:p>
          <a:p>
            <a:pPr lvl="3"/>
            <a:r>
              <a:rPr lang="en-GB"/>
              <a:t>Fourth level</a:t>
            </a:r>
          </a:p>
          <a:p>
            <a:pPr lvl="4"/>
            <a:r>
              <a:rPr lang="en-GB"/>
              <a:t>Fifth level</a:t>
            </a:r>
          </a:p>
        </p:txBody>
      </p:sp>
      <p:sp>
        <p:nvSpPr>
          <p:cNvPr id="10" name="Content Placeholder 3"/>
          <p:cNvSpPr>
            <a:spLocks noGrp="1"/>
          </p:cNvSpPr>
          <p:nvPr>
            <p:ph sz="quarter" idx="20" hasCustomPrompt="1"/>
          </p:nvPr>
        </p:nvSpPr>
        <p:spPr>
          <a:xfrm>
            <a:off x="6289863" y="1622424"/>
            <a:ext cx="5257612" cy="4356000"/>
          </a:xfrm>
          <a:prstGeom prst="rect">
            <a:avLst/>
          </a:prstGeom>
        </p:spPr>
        <p:txBody>
          <a:bodyPr/>
          <a:lstStyle/>
          <a:p>
            <a:pPr lvl="0"/>
            <a:r>
              <a:rPr lang="en-GB"/>
              <a:t>Click here to edit text or click one of the icons to add a table or chart</a:t>
            </a:r>
          </a:p>
          <a:p>
            <a:pPr lvl="1"/>
            <a:r>
              <a:rPr lang="en-GB"/>
              <a:t>Second level</a:t>
            </a:r>
          </a:p>
          <a:p>
            <a:pPr lvl="2"/>
            <a:r>
              <a:rPr lang="en-GB"/>
              <a:t>Third level</a:t>
            </a:r>
          </a:p>
          <a:p>
            <a:pPr lvl="3"/>
            <a:r>
              <a:rPr lang="en-GB"/>
              <a:t>Fourth level</a:t>
            </a:r>
          </a:p>
          <a:p>
            <a:pPr lvl="4"/>
            <a:r>
              <a:rPr lang="en-GB"/>
              <a:t>Fifth level</a:t>
            </a:r>
          </a:p>
        </p:txBody>
      </p:sp>
      <p:sp>
        <p:nvSpPr>
          <p:cNvPr id="14" name="Logo Placeholder"/>
          <p:cNvSpPr>
            <a:spLocks noGrp="1"/>
          </p:cNvSpPr>
          <p:nvPr>
            <p:ph type="body" sz="quarter" idx="14" hasCustomPrompt="1"/>
          </p:nvPr>
        </p:nvSpPr>
        <p:spPr>
          <a:xfrm>
            <a:off x="447863" y="6492560"/>
            <a:ext cx="734400" cy="151200"/>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
        <p:nvSpPr>
          <p:cNvPr id="12" name="Pladsholder til sidefod 11"/>
          <p:cNvSpPr>
            <a:spLocks noGrp="1"/>
          </p:cNvSpPr>
          <p:nvPr>
            <p:ph type="ftr" sz="quarter" idx="11"/>
          </p:nvPr>
        </p:nvSpPr>
        <p:spPr/>
        <p:txBody>
          <a:bodyPr/>
          <a:lstStyle/>
          <a:p>
            <a:endParaRPr lang="en-GB"/>
          </a:p>
        </p:txBody>
      </p:sp>
      <p:sp>
        <p:nvSpPr>
          <p:cNvPr id="11" name="Pladsholder til dato 10" hidden="1"/>
          <p:cNvSpPr>
            <a:spLocks noGrp="1"/>
          </p:cNvSpPr>
          <p:nvPr>
            <p:ph type="dt" sz="half" idx="10"/>
          </p:nvPr>
        </p:nvSpPr>
        <p:spPr/>
        <p:txBody>
          <a:bodyPr/>
          <a:lstStyle/>
          <a:p>
            <a:endParaRPr lang="en-GB"/>
          </a:p>
        </p:txBody>
      </p:sp>
      <p:sp>
        <p:nvSpPr>
          <p:cNvPr id="13" name="Pladsholder til slidenummer 12" hidden="1"/>
          <p:cNvSpPr>
            <a:spLocks noGrp="1"/>
          </p:cNvSpPr>
          <p:nvPr>
            <p:ph type="sldNum" sz="quarter" idx="12"/>
          </p:nvPr>
        </p:nvSpPr>
        <p:spPr/>
        <p:txBody>
          <a:bodyPr/>
          <a:lstStyle/>
          <a:p>
            <a:fld id="{4D71782F-9FF7-4AE4-B0B3-64936DF31C11}" type="slidenum">
              <a:rPr lang="en-GB" smtClean="0"/>
              <a:pPr/>
              <a:t>‹#›</a:t>
            </a:fld>
            <a:endParaRPr lang="en-GB"/>
          </a:p>
        </p:txBody>
      </p:sp>
    </p:spTree>
    <p:extLst>
      <p:ext uri="{BB962C8B-B14F-4D97-AF65-F5344CB8AC3E}">
        <p14:creationId xmlns:p14="http://schemas.microsoft.com/office/powerpoint/2010/main" val="3333517650"/>
      </p:ext>
    </p:extLst>
  </p:cSld>
  <p:clrMapOvr>
    <a:masterClrMapping/>
  </p:clrMapOvr>
  <p:extLst>
    <p:ext uri="{DCECCB84-F9BA-43D5-87BE-67443E8EF086}">
      <p15:sldGuideLst xmlns:p15="http://schemas.microsoft.com/office/powerpoint/2012/main">
        <p15:guide id="1" pos="3958" userDrawn="1">
          <p15:clr>
            <a:srgbClr val="FBAE40"/>
          </p15:clr>
        </p15:guide>
        <p15:guide id="2" pos="3594"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Blue">
    <p:spTree>
      <p:nvGrpSpPr>
        <p:cNvPr id="1" name=""/>
        <p:cNvGrpSpPr/>
        <p:nvPr/>
      </p:nvGrpSpPr>
      <p:grpSpPr>
        <a:xfrm>
          <a:off x="0" y="0"/>
          <a:ext cx="0" cy="0"/>
          <a:chOff x="0" y="0"/>
          <a:chExt cx="0" cy="0"/>
        </a:xfrm>
      </p:grpSpPr>
      <p:sp>
        <p:nvSpPr>
          <p:cNvPr id="2" name="Background Blue"/>
          <p:cNvSpPr/>
          <p:nvPr userDrawn="1"/>
        </p:nvSpPr>
        <p:spPr>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16" name="Picture 15"/>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flipH="1">
            <a:off x="0" y="1232"/>
            <a:ext cx="12192000" cy="6858000"/>
          </a:xfrm>
          <a:prstGeom prst="rect">
            <a:avLst/>
          </a:prstGeom>
        </p:spPr>
      </p:pic>
      <p:sp>
        <p:nvSpPr>
          <p:cNvPr id="4" name="Title 3"/>
          <p:cNvSpPr>
            <a:spLocks noGrp="1"/>
          </p:cNvSpPr>
          <p:nvPr>
            <p:ph type="title" hasCustomPrompt="1"/>
          </p:nvPr>
        </p:nvSpPr>
        <p:spPr>
          <a:xfrm>
            <a:off x="447479" y="149087"/>
            <a:ext cx="5389200" cy="1334113"/>
          </a:xfrm>
          <a:prstGeom prst="rect">
            <a:avLst/>
          </a:prstGeom>
        </p:spPr>
        <p:txBody>
          <a:bodyPr/>
          <a:lstStyle>
            <a:lvl1pPr>
              <a:defRPr>
                <a:solidFill>
                  <a:schemeClr val="bg1"/>
                </a:solidFill>
              </a:defRPr>
            </a:lvl1pPr>
          </a:lstStyle>
          <a:p>
            <a:r>
              <a:rPr lang="en-GB"/>
              <a:t>Click to add title</a:t>
            </a:r>
          </a:p>
        </p:txBody>
      </p:sp>
      <p:sp>
        <p:nvSpPr>
          <p:cNvPr id="22" name="Pladsholder til sidefod 2"/>
          <p:cNvSpPr>
            <a:spLocks noGrp="1"/>
          </p:cNvSpPr>
          <p:nvPr>
            <p:ph type="ftr" sz="quarter" idx="24"/>
          </p:nvPr>
        </p:nvSpPr>
        <p:spPr>
          <a:xfrm>
            <a:off x="1288782" y="6479087"/>
            <a:ext cx="4536000" cy="147600"/>
          </a:xfrm>
          <a:noFill/>
          <a:effectLst/>
        </p:spPr>
        <p:txBody>
          <a:bodyPr/>
          <a:lstStyle>
            <a:lvl1pPr>
              <a:defRPr>
                <a:solidFill>
                  <a:schemeClr val="bg1"/>
                </a:solidFill>
              </a:defRPr>
            </a:lvl1pPr>
          </a:lstStyle>
          <a:p>
            <a:endParaRPr lang="en-GB"/>
          </a:p>
        </p:txBody>
      </p:sp>
      <p:sp>
        <p:nvSpPr>
          <p:cNvPr id="3" name="Picture Placeholder 3"/>
          <p:cNvSpPr>
            <a:spLocks noGrp="1"/>
          </p:cNvSpPr>
          <p:nvPr>
            <p:ph type="pic" idx="1" hasCustomPrompt="1"/>
          </p:nvPr>
        </p:nvSpPr>
        <p:spPr>
          <a:xfrm>
            <a:off x="6095999" y="0"/>
            <a:ext cx="6097525" cy="6858000"/>
          </a:xfrm>
          <a:prstGeom prst="rect">
            <a:avLst/>
          </a:prstGeom>
          <a:solidFill>
            <a:schemeClr val="bg1">
              <a:lumMod val="85000"/>
            </a:schemeClr>
          </a:solidFill>
        </p:spPr>
        <p:txBody>
          <a:bodyPr tIns="0" rIns="548640" bIns="914400" anchor="b" anchorCtr="0">
            <a:normAutofit/>
          </a:bodyPr>
          <a:lstStyle>
            <a:lvl1pPr marL="0" indent="0" algn="r">
              <a:buNone/>
              <a:defRPr sz="1400" baseline="0">
                <a:sym typeface="Wingdings" panose="05000000000000000000" pitchFamily="2" charset="2"/>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a:t>Click [here] once and add an image via Templafy or add a picture from your computer: click the Insert tab  Pictures</a:t>
            </a:r>
          </a:p>
        </p:txBody>
      </p:sp>
      <p:sp>
        <p:nvSpPr>
          <p:cNvPr id="23" name="Logo Placeholder"/>
          <p:cNvSpPr>
            <a:spLocks noGrp="1"/>
          </p:cNvSpPr>
          <p:nvPr>
            <p:ph type="body" sz="quarter" idx="26" hasCustomPrompt="1"/>
          </p:nvPr>
        </p:nvSpPr>
        <p:spPr>
          <a:xfrm>
            <a:off x="447863" y="6492560"/>
            <a:ext cx="734400" cy="151200"/>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
        <p:nvSpPr>
          <p:cNvPr id="6" name="Text Placeholder 5"/>
          <p:cNvSpPr>
            <a:spLocks noGrp="1"/>
          </p:cNvSpPr>
          <p:nvPr>
            <p:ph type="body" sz="quarter" idx="27" hasCustomPrompt="1"/>
          </p:nvPr>
        </p:nvSpPr>
        <p:spPr>
          <a:xfrm>
            <a:off x="7206892" y="0"/>
            <a:ext cx="4928616" cy="2368296"/>
          </a:xfrm>
          <a:prstGeom prst="rect">
            <a:avLst/>
          </a:prstGeom>
          <a:blipFill>
            <a:blip r:embed="rId4"/>
            <a:stretch>
              <a:fillRect/>
            </a:stretch>
          </a:blipFill>
        </p:spPr>
        <p:txBody>
          <a:bodyPr>
            <a:normAutofit/>
          </a:bodyPr>
          <a:lstStyle>
            <a:lvl1pPr>
              <a:defRPr sz="100"/>
            </a:lvl1pPr>
          </a:lstStyle>
          <a:p>
            <a:pPr lvl="0"/>
            <a:r>
              <a:rPr lang="en-GB"/>
              <a:t>.</a:t>
            </a:r>
          </a:p>
        </p:txBody>
      </p:sp>
      <p:sp>
        <p:nvSpPr>
          <p:cNvPr id="11" name="Content Placeholder 2"/>
          <p:cNvSpPr>
            <a:spLocks noGrp="1"/>
          </p:cNvSpPr>
          <p:nvPr>
            <p:ph sz="quarter" idx="19" hasCustomPrompt="1"/>
          </p:nvPr>
        </p:nvSpPr>
        <p:spPr>
          <a:xfrm>
            <a:off x="447863" y="1623599"/>
            <a:ext cx="5389200" cy="4716463"/>
          </a:xfrm>
          <a:prstGeom prst="rect">
            <a:avLst/>
          </a:prstGeo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a:t>Click here to edit text or click one of the icons to add a table or chart</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Tree>
    <p:extLst>
      <p:ext uri="{BB962C8B-B14F-4D97-AF65-F5344CB8AC3E}">
        <p14:creationId xmlns:p14="http://schemas.microsoft.com/office/powerpoint/2010/main" val="3769898272"/>
      </p:ext>
    </p:extLst>
  </p:cSld>
  <p:clrMapOvr>
    <a:masterClrMapping/>
  </p:clrMapOvr>
  <p:extLst>
    <p:ext uri="{DCECCB84-F9BA-43D5-87BE-67443E8EF086}">
      <p15:sldGuideLst xmlns:p15="http://schemas.microsoft.com/office/powerpoint/2012/main">
        <p15:guide id="1" pos="3840" userDrawn="1">
          <p15:clr>
            <a:srgbClr val="FBAE40"/>
          </p15:clr>
        </p15:guide>
        <p15:guide id="2" pos="3678"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3" name="Picture Placeholder 2"/>
          <p:cNvSpPr>
            <a:spLocks noGrp="1"/>
          </p:cNvSpPr>
          <p:nvPr>
            <p:ph type="pic" idx="1" hasCustomPrompt="1"/>
          </p:nvPr>
        </p:nvSpPr>
        <p:spPr>
          <a:xfrm>
            <a:off x="6094800" y="0"/>
            <a:ext cx="6100838" cy="6858000"/>
          </a:xfrm>
          <a:prstGeom prst="rect">
            <a:avLst/>
          </a:prstGeom>
          <a:solidFill>
            <a:schemeClr val="bg1">
              <a:lumMod val="85000"/>
            </a:schemeClr>
          </a:solidFill>
        </p:spPr>
        <p:txBody>
          <a:bodyPr tIns="0" rIns="548640" bIns="914400" anchor="b" anchorCtr="0">
            <a:normAutofit/>
          </a:bodyPr>
          <a:lstStyle>
            <a:lvl1pPr marL="0" indent="0" algn="r">
              <a:buNone/>
              <a:defRPr sz="1400">
                <a:sym typeface="Wingdings" panose="05000000000000000000" pitchFamily="2" charset="2"/>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a:t>Click [here] once and add an image via Templafy or add a picture from your computer: click the Insert tab  Pictures</a:t>
            </a:r>
          </a:p>
        </p:txBody>
      </p:sp>
      <p:sp>
        <p:nvSpPr>
          <p:cNvPr id="2" name="Title 1"/>
          <p:cNvSpPr>
            <a:spLocks noGrp="1"/>
          </p:cNvSpPr>
          <p:nvPr>
            <p:ph type="title" hasCustomPrompt="1"/>
          </p:nvPr>
        </p:nvSpPr>
        <p:spPr>
          <a:xfrm>
            <a:off x="447480" y="149087"/>
            <a:ext cx="5389200" cy="1334113"/>
          </a:xfrm>
          <a:prstGeom prst="rect">
            <a:avLst/>
          </a:prstGeom>
        </p:spPr>
        <p:txBody>
          <a:bodyPr/>
          <a:lstStyle>
            <a:lvl1pPr>
              <a:lnSpc>
                <a:spcPct val="100000"/>
              </a:lnSpc>
              <a:defRPr/>
            </a:lvl1pPr>
          </a:lstStyle>
          <a:p>
            <a:r>
              <a:rPr lang="en-GB"/>
              <a:t>Click to add title</a:t>
            </a:r>
          </a:p>
        </p:txBody>
      </p:sp>
      <p:sp>
        <p:nvSpPr>
          <p:cNvPr id="13" name="Logo Placeholder"/>
          <p:cNvSpPr>
            <a:spLocks noGrp="1"/>
          </p:cNvSpPr>
          <p:nvPr>
            <p:ph type="body" sz="quarter" idx="14" hasCustomPrompt="1"/>
          </p:nvPr>
        </p:nvSpPr>
        <p:spPr>
          <a:xfrm>
            <a:off x="447863" y="6492560"/>
            <a:ext cx="734400" cy="151200"/>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
        <p:nvSpPr>
          <p:cNvPr id="6" name="Text Placeholder 5"/>
          <p:cNvSpPr>
            <a:spLocks noGrp="1"/>
          </p:cNvSpPr>
          <p:nvPr>
            <p:ph type="body" sz="quarter" idx="21" hasCustomPrompt="1"/>
          </p:nvPr>
        </p:nvSpPr>
        <p:spPr>
          <a:xfrm>
            <a:off x="7214543" y="-3313"/>
            <a:ext cx="4928616" cy="2368296"/>
          </a:xfrm>
          <a:prstGeom prst="rect">
            <a:avLst/>
          </a:prstGeom>
          <a:blipFill>
            <a:blip r:embed="rId3"/>
            <a:stretch>
              <a:fillRect/>
            </a:stretch>
          </a:blipFill>
        </p:spPr>
        <p:txBody>
          <a:bodyPr/>
          <a:lstStyle>
            <a:lvl1pPr>
              <a:defRPr sz="100"/>
            </a:lvl1pPr>
          </a:lstStyle>
          <a:p>
            <a:pPr lvl="0"/>
            <a:r>
              <a:rPr lang="en-GB"/>
              <a:t>.</a:t>
            </a:r>
          </a:p>
        </p:txBody>
      </p:sp>
      <p:sp>
        <p:nvSpPr>
          <p:cNvPr id="10" name="Content Placeholder 2"/>
          <p:cNvSpPr>
            <a:spLocks noGrp="1"/>
          </p:cNvSpPr>
          <p:nvPr>
            <p:ph sz="quarter" idx="22" hasCustomPrompt="1"/>
          </p:nvPr>
        </p:nvSpPr>
        <p:spPr>
          <a:xfrm>
            <a:off x="447862" y="1623599"/>
            <a:ext cx="5388817" cy="4716463"/>
          </a:xfrm>
          <a:prstGeom prst="rect">
            <a:avLst/>
          </a:prstGeom>
        </p:spPr>
        <p:txBody>
          <a:bodyPr/>
          <a:lstStyle/>
          <a:p>
            <a:pPr lvl="0"/>
            <a:r>
              <a:rPr lang="en-GB"/>
              <a:t>Click here to edit text or click one of the icons to add a table or chart</a:t>
            </a:r>
          </a:p>
          <a:p>
            <a:pPr lvl="1"/>
            <a:r>
              <a:rPr lang="en-GB"/>
              <a:t>Second level</a:t>
            </a:r>
          </a:p>
          <a:p>
            <a:pPr lvl="2"/>
            <a:r>
              <a:rPr lang="en-GB"/>
              <a:t>Third level</a:t>
            </a:r>
          </a:p>
          <a:p>
            <a:pPr lvl="3"/>
            <a:r>
              <a:rPr lang="en-GB"/>
              <a:t>Fourth level</a:t>
            </a:r>
          </a:p>
          <a:p>
            <a:pPr lvl="4"/>
            <a:r>
              <a:rPr lang="en-GB"/>
              <a:t>Fifth level</a:t>
            </a:r>
          </a:p>
        </p:txBody>
      </p:sp>
      <p:sp>
        <p:nvSpPr>
          <p:cNvPr id="5" name="Pladsholder til dato 4" hidden="1"/>
          <p:cNvSpPr>
            <a:spLocks noGrp="1"/>
          </p:cNvSpPr>
          <p:nvPr>
            <p:ph type="dt" sz="half" idx="23"/>
          </p:nvPr>
        </p:nvSpPr>
        <p:spPr/>
        <p:txBody>
          <a:bodyPr/>
          <a:lstStyle/>
          <a:p>
            <a:endParaRPr lang="en-GB"/>
          </a:p>
        </p:txBody>
      </p:sp>
      <p:sp>
        <p:nvSpPr>
          <p:cNvPr id="7" name="Pladsholder til sidefod 6"/>
          <p:cNvSpPr>
            <a:spLocks noGrp="1"/>
          </p:cNvSpPr>
          <p:nvPr>
            <p:ph type="ftr" sz="quarter" idx="24"/>
          </p:nvPr>
        </p:nvSpPr>
        <p:spPr>
          <a:xfrm>
            <a:off x="1288783" y="6479087"/>
            <a:ext cx="4550042" cy="147600"/>
          </a:xfrm>
        </p:spPr>
        <p:txBody>
          <a:bodyPr/>
          <a:lstStyle/>
          <a:p>
            <a:endParaRPr lang="en-GB"/>
          </a:p>
        </p:txBody>
      </p:sp>
      <p:sp>
        <p:nvSpPr>
          <p:cNvPr id="14" name="Pladsholder til slidenummer 13" hidden="1"/>
          <p:cNvSpPr>
            <a:spLocks noGrp="1"/>
          </p:cNvSpPr>
          <p:nvPr>
            <p:ph type="sldNum" sz="quarter" idx="25"/>
          </p:nvPr>
        </p:nvSpPr>
        <p:spPr/>
        <p:txBody>
          <a:bodyPr/>
          <a:lstStyle/>
          <a:p>
            <a:fld id="{4D71782F-9FF7-4AE4-B0B3-64936DF31C11}" type="slidenum">
              <a:rPr lang="en-GB" smtClean="0"/>
              <a:pPr/>
              <a:t>‹#›</a:t>
            </a:fld>
            <a:endParaRPr lang="en-GB"/>
          </a:p>
        </p:txBody>
      </p:sp>
    </p:spTree>
    <p:extLst>
      <p:ext uri="{BB962C8B-B14F-4D97-AF65-F5344CB8AC3E}">
        <p14:creationId xmlns:p14="http://schemas.microsoft.com/office/powerpoint/2010/main" val="3745675976"/>
      </p:ext>
    </p:extLst>
  </p:cSld>
  <p:clrMapOvr>
    <a:masterClrMapping/>
  </p:clrMapOvr>
  <p:extLst>
    <p:ext uri="{DCECCB84-F9BA-43D5-87BE-67443E8EF086}">
      <p15:sldGuideLst xmlns:p15="http://schemas.microsoft.com/office/powerpoint/2012/main">
        <p15:guide id="1" pos="3840" userDrawn="1">
          <p15:clr>
            <a:srgbClr val="FBAE40"/>
          </p15:clr>
        </p15:guide>
        <p15:guide id="3" pos="3678"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ext and 3 Picture Blue">
    <p:spTree>
      <p:nvGrpSpPr>
        <p:cNvPr id="1" name=""/>
        <p:cNvGrpSpPr/>
        <p:nvPr/>
      </p:nvGrpSpPr>
      <p:grpSpPr>
        <a:xfrm>
          <a:off x="0" y="0"/>
          <a:ext cx="0" cy="0"/>
          <a:chOff x="0" y="0"/>
          <a:chExt cx="0" cy="0"/>
        </a:xfrm>
      </p:grpSpPr>
      <p:pic>
        <p:nvPicPr>
          <p:cNvPr id="18" name="Picture 17"/>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flipH="1">
            <a:off x="0" y="1232"/>
            <a:ext cx="12192000" cy="6858000"/>
          </a:xfrm>
          <a:prstGeom prst="rect">
            <a:avLst/>
          </a:prstGeom>
        </p:spPr>
      </p:pic>
      <p:sp>
        <p:nvSpPr>
          <p:cNvPr id="9" name="Text Placeholder 2"/>
          <p:cNvSpPr>
            <a:spLocks noGrp="1"/>
          </p:cNvSpPr>
          <p:nvPr>
            <p:ph type="body" sz="quarter" idx="13" hasCustomPrompt="1"/>
          </p:nvPr>
        </p:nvSpPr>
        <p:spPr>
          <a:xfrm>
            <a:off x="1391478" y="4308530"/>
            <a:ext cx="2604053" cy="1495370"/>
          </a:xfrm>
          <a:prstGeom prst="rect">
            <a:avLst/>
          </a:prstGeom>
        </p:spPr>
        <p:txBody>
          <a:bodyPr>
            <a:normAutofit/>
          </a:bodyPr>
          <a:lstStyle>
            <a:lvl1pPr marL="0" indent="0">
              <a:spcBef>
                <a:spcPts val="0"/>
              </a:spcBef>
              <a:buFont typeface="Arial" panose="020B0604020202020204" pitchFamily="34" charset="0"/>
              <a:buChar char="​"/>
              <a:defRPr sz="1800" b="1">
                <a:solidFill>
                  <a:schemeClr val="bg1"/>
                </a:solidFill>
                <a:latin typeface="Open Sans" panose="020B0606030504020204" pitchFamily="34" charset="0"/>
                <a:ea typeface="Open Sans" panose="020B0606030504020204" pitchFamily="34" charset="0"/>
                <a:cs typeface="Open Sans" panose="020B0606030504020204" pitchFamily="34" charset="0"/>
              </a:defRPr>
            </a:lvl1pPr>
            <a:lvl2pPr marL="0" indent="0">
              <a:spcBef>
                <a:spcPts val="0"/>
              </a:spcBef>
              <a:buFont typeface="Arial" panose="020B0604020202020204" pitchFamily="34" charset="0"/>
              <a:buChar char="​"/>
              <a:defRPr>
                <a:solidFill>
                  <a:schemeClr val="bg1"/>
                </a:solidFill>
              </a:defRPr>
            </a:lvl2pPr>
            <a:lvl3pPr marL="216000">
              <a:defRPr>
                <a:solidFill>
                  <a:schemeClr val="bg1"/>
                </a:solidFill>
              </a:defRPr>
            </a:lvl3pPr>
            <a:lvl4pPr marL="432000">
              <a:defRPr>
                <a:solidFill>
                  <a:schemeClr val="bg1"/>
                </a:solidFill>
              </a:defRPr>
            </a:lvl4pPr>
            <a:lvl5pPr marL="648000">
              <a:defRPr>
                <a:solidFill>
                  <a:schemeClr val="bg1"/>
                </a:solidFill>
              </a:defRPr>
            </a:lvl5pPr>
          </a:lstStyle>
          <a:p>
            <a:r>
              <a:rPr lang="en-GB"/>
              <a:t>Insert text – Enter and Tab for next level</a:t>
            </a:r>
          </a:p>
        </p:txBody>
      </p:sp>
      <p:sp>
        <p:nvSpPr>
          <p:cNvPr id="7" name="Picture Placeholder 3"/>
          <p:cNvSpPr>
            <a:spLocks noGrp="1"/>
          </p:cNvSpPr>
          <p:nvPr>
            <p:ph type="pic" idx="1" hasCustomPrompt="1"/>
          </p:nvPr>
        </p:nvSpPr>
        <p:spPr>
          <a:xfrm>
            <a:off x="1391478" y="2454965"/>
            <a:ext cx="2604053" cy="1411357"/>
          </a:xfrm>
          <a:prstGeom prst="rect">
            <a:avLst/>
          </a:prstGeom>
          <a:solidFill>
            <a:schemeClr val="bg1">
              <a:lumMod val="85000"/>
            </a:schemeClr>
          </a:solidFill>
        </p:spPr>
        <p:txBody>
          <a:bodyPr tIns="648000" anchor="ctr" anchorCtr="0"/>
          <a:lstStyle>
            <a:lvl1pPr marL="0" indent="0" algn="ctr">
              <a:buNone/>
              <a:defRPr sz="1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a:t>Click on this grey area once add image via Templafy Image Library</a:t>
            </a:r>
          </a:p>
        </p:txBody>
      </p:sp>
      <p:sp>
        <p:nvSpPr>
          <p:cNvPr id="10" name="Text Placeholder 4"/>
          <p:cNvSpPr>
            <a:spLocks noGrp="1"/>
          </p:cNvSpPr>
          <p:nvPr>
            <p:ph type="body" sz="quarter" idx="14" hasCustomPrompt="1"/>
          </p:nvPr>
        </p:nvSpPr>
        <p:spPr>
          <a:xfrm>
            <a:off x="4694583" y="4308530"/>
            <a:ext cx="2710069" cy="1495370"/>
          </a:xfrm>
          <a:prstGeom prst="rect">
            <a:avLst/>
          </a:prstGeom>
        </p:spPr>
        <p:txBody>
          <a:bodyPr/>
          <a:lstStyle>
            <a:lvl1pPr marL="0" indent="0">
              <a:spcBef>
                <a:spcPts val="0"/>
              </a:spcBef>
              <a:buFont typeface="Arial" panose="020B0604020202020204" pitchFamily="34" charset="0"/>
              <a:buChar char="​"/>
              <a:defRPr sz="1800" b="1">
                <a:solidFill>
                  <a:schemeClr val="bg1"/>
                </a:solidFill>
                <a:latin typeface="Open Sans" panose="020B0606030504020204" pitchFamily="34" charset="0"/>
                <a:ea typeface="Open Sans" panose="020B0606030504020204" pitchFamily="34" charset="0"/>
                <a:cs typeface="Open Sans" panose="020B0606030504020204" pitchFamily="34" charset="0"/>
              </a:defRPr>
            </a:lvl1pPr>
            <a:lvl2pPr marL="0" indent="0">
              <a:spcBef>
                <a:spcPts val="0"/>
              </a:spcBef>
              <a:buFont typeface="Arial" panose="020B0604020202020204" pitchFamily="34" charset="0"/>
              <a:buChar char="​"/>
              <a:defRPr>
                <a:solidFill>
                  <a:schemeClr val="bg1"/>
                </a:solidFill>
              </a:defRPr>
            </a:lvl2pPr>
            <a:lvl3pPr marL="216000">
              <a:defRPr>
                <a:solidFill>
                  <a:schemeClr val="bg1"/>
                </a:solidFill>
              </a:defRPr>
            </a:lvl3pPr>
            <a:lvl4pPr marL="432000">
              <a:defRPr>
                <a:solidFill>
                  <a:schemeClr val="bg1"/>
                </a:solidFill>
              </a:defRPr>
            </a:lvl4pPr>
            <a:lvl5pPr marL="648000">
              <a:defRPr>
                <a:solidFill>
                  <a:schemeClr val="bg1"/>
                </a:solidFill>
              </a:defRPr>
            </a:lvl5pPr>
          </a:lstStyle>
          <a:p>
            <a:r>
              <a:rPr lang="en-GB"/>
              <a:t>Insert text – Enter and Tab for next level</a:t>
            </a:r>
          </a:p>
          <a:p>
            <a:pPr lvl="1"/>
            <a:endParaRPr lang="en-GB"/>
          </a:p>
        </p:txBody>
      </p:sp>
      <p:sp>
        <p:nvSpPr>
          <p:cNvPr id="11" name="Picture Placeholder 5"/>
          <p:cNvSpPr>
            <a:spLocks noGrp="1"/>
          </p:cNvSpPr>
          <p:nvPr>
            <p:ph type="pic" idx="15" hasCustomPrompt="1"/>
          </p:nvPr>
        </p:nvSpPr>
        <p:spPr>
          <a:xfrm>
            <a:off x="4694583" y="2454965"/>
            <a:ext cx="2710069" cy="1411357"/>
          </a:xfrm>
          <a:prstGeom prst="rect">
            <a:avLst/>
          </a:prstGeom>
          <a:solidFill>
            <a:schemeClr val="bg1">
              <a:lumMod val="85000"/>
            </a:schemeClr>
          </a:solidFill>
        </p:spPr>
        <p:txBody>
          <a:bodyPr tIns="648000" anchor="ctr" anchorCtr="0"/>
          <a:lstStyle>
            <a:lvl1pPr marL="0" indent="0" algn="ctr">
              <a:buNone/>
              <a:defRPr sz="1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a:t>Click on this grey area once add image via Templafy Image Library</a:t>
            </a:r>
          </a:p>
        </p:txBody>
      </p:sp>
      <p:sp>
        <p:nvSpPr>
          <p:cNvPr id="12" name="Text Placeholder 6"/>
          <p:cNvSpPr>
            <a:spLocks noGrp="1"/>
          </p:cNvSpPr>
          <p:nvPr>
            <p:ph type="body" sz="quarter" idx="16" hasCustomPrompt="1"/>
          </p:nvPr>
        </p:nvSpPr>
        <p:spPr>
          <a:xfrm>
            <a:off x="7997688" y="4308530"/>
            <a:ext cx="2710069" cy="1495370"/>
          </a:xfrm>
          <a:prstGeom prst="rect">
            <a:avLst/>
          </a:prstGeom>
        </p:spPr>
        <p:txBody>
          <a:bodyPr/>
          <a:lstStyle>
            <a:lvl1pPr marL="0" indent="0">
              <a:spcBef>
                <a:spcPts val="0"/>
              </a:spcBef>
              <a:buFont typeface="Arial" panose="020B0604020202020204" pitchFamily="34" charset="0"/>
              <a:buChar char="​"/>
              <a:defRPr sz="1800" b="1">
                <a:solidFill>
                  <a:schemeClr val="bg1"/>
                </a:solidFill>
                <a:latin typeface="Open Sans" panose="020B0606030504020204" pitchFamily="34" charset="0"/>
                <a:ea typeface="Open Sans" panose="020B0606030504020204" pitchFamily="34" charset="0"/>
                <a:cs typeface="Open Sans" panose="020B0606030504020204" pitchFamily="34" charset="0"/>
              </a:defRPr>
            </a:lvl1pPr>
            <a:lvl2pPr marL="0" indent="0">
              <a:spcBef>
                <a:spcPts val="0"/>
              </a:spcBef>
              <a:buFont typeface="Arial" panose="020B0604020202020204" pitchFamily="34" charset="0"/>
              <a:buChar char="​"/>
              <a:defRPr>
                <a:solidFill>
                  <a:schemeClr val="bg1"/>
                </a:solidFill>
              </a:defRPr>
            </a:lvl2pPr>
            <a:lvl3pPr marL="216000">
              <a:defRPr>
                <a:solidFill>
                  <a:schemeClr val="bg1"/>
                </a:solidFill>
              </a:defRPr>
            </a:lvl3pPr>
            <a:lvl4pPr marL="432000">
              <a:defRPr>
                <a:solidFill>
                  <a:schemeClr val="bg1"/>
                </a:solidFill>
              </a:defRPr>
            </a:lvl4pPr>
            <a:lvl5pPr marL="648000">
              <a:defRPr>
                <a:solidFill>
                  <a:schemeClr val="bg1"/>
                </a:solidFill>
              </a:defRPr>
            </a:lvl5pPr>
          </a:lstStyle>
          <a:p>
            <a:r>
              <a:rPr lang="en-GB"/>
              <a:t>Insert text – Enter and Tab for next level</a:t>
            </a:r>
          </a:p>
          <a:p>
            <a:pPr lvl="1"/>
            <a:endParaRPr lang="en-GB"/>
          </a:p>
        </p:txBody>
      </p:sp>
      <p:sp>
        <p:nvSpPr>
          <p:cNvPr id="13" name="Picture Placeholder 7"/>
          <p:cNvSpPr>
            <a:spLocks noGrp="1"/>
          </p:cNvSpPr>
          <p:nvPr>
            <p:ph type="pic" idx="17" hasCustomPrompt="1"/>
          </p:nvPr>
        </p:nvSpPr>
        <p:spPr>
          <a:xfrm>
            <a:off x="7997688" y="2454965"/>
            <a:ext cx="2710069" cy="1411357"/>
          </a:xfrm>
          <a:prstGeom prst="rect">
            <a:avLst/>
          </a:prstGeom>
          <a:solidFill>
            <a:schemeClr val="bg1">
              <a:lumMod val="85000"/>
            </a:schemeClr>
          </a:solidFill>
        </p:spPr>
        <p:txBody>
          <a:bodyPr tIns="648000" anchor="ctr" anchorCtr="0"/>
          <a:lstStyle>
            <a:lvl1pPr marL="0" indent="0" algn="ctr">
              <a:buNone/>
              <a:defRPr sz="1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a:t>Click on this grey area once add image via Templafy Image Library</a:t>
            </a:r>
          </a:p>
        </p:txBody>
      </p:sp>
      <p:sp>
        <p:nvSpPr>
          <p:cNvPr id="3" name="Title 2"/>
          <p:cNvSpPr>
            <a:spLocks noGrp="1"/>
          </p:cNvSpPr>
          <p:nvPr>
            <p:ph type="title" hasCustomPrompt="1"/>
          </p:nvPr>
        </p:nvSpPr>
        <p:spPr>
          <a:xfrm>
            <a:off x="447863" y="421240"/>
            <a:ext cx="8334000" cy="1061960"/>
          </a:xfrm>
          <a:prstGeom prst="rect">
            <a:avLst/>
          </a:prstGeom>
        </p:spPr>
        <p:txBody>
          <a:bodyPr/>
          <a:lstStyle>
            <a:lvl1pPr>
              <a:defRPr>
                <a:solidFill>
                  <a:schemeClr val="bg1"/>
                </a:solidFill>
              </a:defRPr>
            </a:lvl1pPr>
          </a:lstStyle>
          <a:p>
            <a:r>
              <a:rPr lang="en-GB"/>
              <a:t>Click to add title</a:t>
            </a:r>
          </a:p>
        </p:txBody>
      </p:sp>
      <p:sp>
        <p:nvSpPr>
          <p:cNvPr id="2" name="Pladsholder til dato 1" hidden="1"/>
          <p:cNvSpPr>
            <a:spLocks noGrp="1"/>
          </p:cNvSpPr>
          <p:nvPr>
            <p:ph type="dt" sz="half" idx="18"/>
          </p:nvPr>
        </p:nvSpPr>
        <p:spPr/>
        <p:txBody>
          <a:bodyPr/>
          <a:lstStyle/>
          <a:p>
            <a:endParaRPr lang="en-GB"/>
          </a:p>
        </p:txBody>
      </p:sp>
      <p:sp>
        <p:nvSpPr>
          <p:cNvPr id="6" name="Pladsholder til slidenummer 5" hidden="1"/>
          <p:cNvSpPr>
            <a:spLocks noGrp="1"/>
          </p:cNvSpPr>
          <p:nvPr>
            <p:ph type="sldNum" sz="quarter" idx="20"/>
          </p:nvPr>
        </p:nvSpPr>
        <p:spPr/>
        <p:txBody>
          <a:bodyPr/>
          <a:lstStyle/>
          <a:p>
            <a:fld id="{4D71782F-9FF7-4AE4-B0B3-64936DF31C11}" type="slidenum">
              <a:rPr lang="en-GB" smtClean="0"/>
              <a:pPr/>
              <a:t>‹#›</a:t>
            </a:fld>
            <a:endParaRPr lang="en-GB"/>
          </a:p>
        </p:txBody>
      </p:sp>
      <p:sp>
        <p:nvSpPr>
          <p:cNvPr id="20" name="Pladsholder til sidefod 2"/>
          <p:cNvSpPr>
            <a:spLocks noGrp="1"/>
          </p:cNvSpPr>
          <p:nvPr>
            <p:ph type="ftr" sz="quarter" idx="24"/>
          </p:nvPr>
        </p:nvSpPr>
        <p:spPr>
          <a:xfrm>
            <a:off x="1288782" y="6479087"/>
            <a:ext cx="5400000" cy="147600"/>
          </a:xfrm>
          <a:noFill/>
          <a:effectLst/>
        </p:spPr>
        <p:txBody>
          <a:bodyPr/>
          <a:lstStyle>
            <a:lvl1pPr>
              <a:defRPr>
                <a:solidFill>
                  <a:schemeClr val="bg1"/>
                </a:solidFill>
              </a:defRPr>
            </a:lvl1pPr>
          </a:lstStyle>
          <a:p>
            <a:endParaRPr lang="en-GB"/>
          </a:p>
        </p:txBody>
      </p:sp>
      <p:sp>
        <p:nvSpPr>
          <p:cNvPr id="25" name="Logo Placeholder"/>
          <p:cNvSpPr>
            <a:spLocks noGrp="1"/>
          </p:cNvSpPr>
          <p:nvPr>
            <p:ph type="body" sz="quarter" idx="26" hasCustomPrompt="1"/>
          </p:nvPr>
        </p:nvSpPr>
        <p:spPr>
          <a:xfrm>
            <a:off x="447863" y="6492560"/>
            <a:ext cx="734400" cy="151200"/>
          </a:xfrm>
          <a:prstGeom prst="rect">
            <a:avLst/>
          </a:prstGeom>
          <a:blipFill>
            <a:blip r:embed="rId3"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Tree>
    <p:extLst>
      <p:ext uri="{BB962C8B-B14F-4D97-AF65-F5344CB8AC3E}">
        <p14:creationId xmlns:p14="http://schemas.microsoft.com/office/powerpoint/2010/main" val="128369057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3 Picture">
    <p:spTree>
      <p:nvGrpSpPr>
        <p:cNvPr id="1" name=""/>
        <p:cNvGrpSpPr/>
        <p:nvPr/>
      </p:nvGrpSpPr>
      <p:grpSpPr>
        <a:xfrm>
          <a:off x="0" y="0"/>
          <a:ext cx="0" cy="0"/>
          <a:chOff x="0" y="0"/>
          <a:chExt cx="0" cy="0"/>
        </a:xfrm>
      </p:grpSpPr>
      <p:sp>
        <p:nvSpPr>
          <p:cNvPr id="9" name="Text Placeholder 2"/>
          <p:cNvSpPr>
            <a:spLocks noGrp="1"/>
          </p:cNvSpPr>
          <p:nvPr>
            <p:ph type="body" sz="quarter" idx="13" hasCustomPrompt="1"/>
          </p:nvPr>
        </p:nvSpPr>
        <p:spPr>
          <a:xfrm>
            <a:off x="1391478" y="4308530"/>
            <a:ext cx="2604053" cy="1495370"/>
          </a:xfrm>
          <a:prstGeom prst="rect">
            <a:avLst/>
          </a:prstGeom>
        </p:spPr>
        <p:txBody>
          <a:bodyPr/>
          <a:lstStyle>
            <a:lvl1pPr marL="0" indent="0">
              <a:spcBef>
                <a:spcPts val="0"/>
              </a:spcBef>
              <a:buFont typeface="Arial" panose="020B0604020202020204" pitchFamily="34" charset="0"/>
              <a:buChar char="​"/>
              <a:defRPr sz="1800" b="1">
                <a:latin typeface="Open Sans" panose="020B0606030504020204" pitchFamily="34" charset="0"/>
                <a:ea typeface="Open Sans" panose="020B0606030504020204" pitchFamily="34" charset="0"/>
                <a:cs typeface="Open Sans" panose="020B0606030504020204" pitchFamily="34" charset="0"/>
              </a:defRPr>
            </a:lvl1pPr>
            <a:lvl2pPr marL="0" indent="0">
              <a:spcBef>
                <a:spcPts val="0"/>
              </a:spcBef>
              <a:buFont typeface="Arial" panose="020B0604020202020204" pitchFamily="34" charset="0"/>
              <a:buChar char="​"/>
              <a:defRPr/>
            </a:lvl2pPr>
            <a:lvl3pPr marL="216000">
              <a:defRPr/>
            </a:lvl3pPr>
            <a:lvl4pPr marL="432000">
              <a:defRPr/>
            </a:lvl4pPr>
            <a:lvl5pPr marL="648000">
              <a:defRPr/>
            </a:lvl5pPr>
          </a:lstStyle>
          <a:p>
            <a:r>
              <a:rPr lang="en-GB"/>
              <a:t>Insert text – Enter and Tab for next level</a:t>
            </a:r>
          </a:p>
          <a:p>
            <a:pPr lvl="1"/>
            <a:endParaRPr lang="en-GB"/>
          </a:p>
        </p:txBody>
      </p:sp>
      <p:sp>
        <p:nvSpPr>
          <p:cNvPr id="7" name="Picture Placeholder 3"/>
          <p:cNvSpPr>
            <a:spLocks noGrp="1"/>
          </p:cNvSpPr>
          <p:nvPr>
            <p:ph type="pic" idx="1" hasCustomPrompt="1"/>
          </p:nvPr>
        </p:nvSpPr>
        <p:spPr>
          <a:xfrm>
            <a:off x="1391478" y="2454965"/>
            <a:ext cx="2604053" cy="1411357"/>
          </a:xfrm>
          <a:prstGeom prst="rect">
            <a:avLst/>
          </a:prstGeom>
          <a:solidFill>
            <a:schemeClr val="bg1">
              <a:lumMod val="85000"/>
            </a:schemeClr>
          </a:solidFill>
        </p:spPr>
        <p:txBody>
          <a:bodyPr tIns="648000" anchor="ctr" anchorCtr="0"/>
          <a:lstStyle>
            <a:lvl1pPr marL="0" indent="0" algn="ctr">
              <a:buNone/>
              <a:defRPr sz="1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a:t>Click on this grey area once add image via Templafy Image Library</a:t>
            </a:r>
          </a:p>
        </p:txBody>
      </p:sp>
      <p:sp>
        <p:nvSpPr>
          <p:cNvPr id="10" name="Text Placeholder 4"/>
          <p:cNvSpPr>
            <a:spLocks noGrp="1"/>
          </p:cNvSpPr>
          <p:nvPr>
            <p:ph type="body" sz="quarter" idx="14" hasCustomPrompt="1"/>
          </p:nvPr>
        </p:nvSpPr>
        <p:spPr>
          <a:xfrm>
            <a:off x="4694583" y="4308530"/>
            <a:ext cx="2710069" cy="1495370"/>
          </a:xfrm>
          <a:prstGeom prst="rect">
            <a:avLst/>
          </a:prstGeom>
        </p:spPr>
        <p:txBody>
          <a:bodyPr/>
          <a:lstStyle>
            <a:lvl1pPr marL="0" indent="0">
              <a:spcBef>
                <a:spcPts val="0"/>
              </a:spcBef>
              <a:buFont typeface="Arial" panose="020B0604020202020204" pitchFamily="34" charset="0"/>
              <a:buChar char="​"/>
              <a:defRPr sz="1800" b="1">
                <a:latin typeface="Open Sans" panose="020B0606030504020204" pitchFamily="34" charset="0"/>
                <a:ea typeface="Open Sans" panose="020B0606030504020204" pitchFamily="34" charset="0"/>
                <a:cs typeface="Open Sans" panose="020B0606030504020204" pitchFamily="34" charset="0"/>
              </a:defRPr>
            </a:lvl1pPr>
            <a:lvl2pPr marL="0" indent="0">
              <a:spcBef>
                <a:spcPts val="0"/>
              </a:spcBef>
              <a:buFont typeface="Arial" panose="020B0604020202020204" pitchFamily="34" charset="0"/>
              <a:buChar char="​"/>
              <a:defRPr/>
            </a:lvl2pPr>
            <a:lvl3pPr marL="216000">
              <a:defRPr/>
            </a:lvl3pPr>
            <a:lvl4pPr marL="432000">
              <a:defRPr/>
            </a:lvl4pPr>
            <a:lvl5pPr marL="648000">
              <a:defRPr/>
            </a:lvl5pPr>
          </a:lstStyle>
          <a:p>
            <a:r>
              <a:rPr lang="en-GB"/>
              <a:t>Insert text – Enter and Tab for next level</a:t>
            </a:r>
          </a:p>
          <a:p>
            <a:pPr lvl="1"/>
            <a:endParaRPr lang="en-GB"/>
          </a:p>
        </p:txBody>
      </p:sp>
      <p:sp>
        <p:nvSpPr>
          <p:cNvPr id="11" name="Picture Placeholder 5"/>
          <p:cNvSpPr>
            <a:spLocks noGrp="1"/>
          </p:cNvSpPr>
          <p:nvPr>
            <p:ph type="pic" idx="15" hasCustomPrompt="1"/>
          </p:nvPr>
        </p:nvSpPr>
        <p:spPr>
          <a:xfrm>
            <a:off x="4694583" y="2454965"/>
            <a:ext cx="2710069" cy="1411357"/>
          </a:xfrm>
          <a:prstGeom prst="rect">
            <a:avLst/>
          </a:prstGeom>
          <a:solidFill>
            <a:schemeClr val="bg1">
              <a:lumMod val="85000"/>
            </a:schemeClr>
          </a:solidFill>
        </p:spPr>
        <p:txBody>
          <a:bodyPr tIns="648000" anchor="ctr" anchorCtr="0"/>
          <a:lstStyle>
            <a:lvl1pPr marL="0" indent="0" algn="ctr">
              <a:buNone/>
              <a:defRPr sz="1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a:t>Click on this grey area once add image via Templafy Image Library</a:t>
            </a:r>
          </a:p>
        </p:txBody>
      </p:sp>
      <p:sp>
        <p:nvSpPr>
          <p:cNvPr id="12" name="Text Placeholder 6"/>
          <p:cNvSpPr>
            <a:spLocks noGrp="1"/>
          </p:cNvSpPr>
          <p:nvPr>
            <p:ph type="body" sz="quarter" idx="16" hasCustomPrompt="1"/>
          </p:nvPr>
        </p:nvSpPr>
        <p:spPr>
          <a:xfrm>
            <a:off x="7997688" y="4308530"/>
            <a:ext cx="2710069" cy="1495370"/>
          </a:xfrm>
          <a:prstGeom prst="rect">
            <a:avLst/>
          </a:prstGeom>
        </p:spPr>
        <p:txBody>
          <a:bodyPr/>
          <a:lstStyle>
            <a:lvl1pPr marL="0" indent="0">
              <a:spcBef>
                <a:spcPts val="0"/>
              </a:spcBef>
              <a:buFont typeface="Arial" panose="020B0604020202020204" pitchFamily="34" charset="0"/>
              <a:buChar char="​"/>
              <a:defRPr sz="1800" b="1">
                <a:latin typeface="Open Sans" panose="020B0606030504020204" pitchFamily="34" charset="0"/>
                <a:ea typeface="Open Sans" panose="020B0606030504020204" pitchFamily="34" charset="0"/>
                <a:cs typeface="Open Sans" panose="020B0606030504020204" pitchFamily="34" charset="0"/>
              </a:defRPr>
            </a:lvl1pPr>
            <a:lvl2pPr marL="0" indent="0">
              <a:spcBef>
                <a:spcPts val="0"/>
              </a:spcBef>
              <a:buFont typeface="Arial" panose="020B0604020202020204" pitchFamily="34" charset="0"/>
              <a:buChar char="​"/>
              <a:defRPr/>
            </a:lvl2pPr>
            <a:lvl3pPr marL="216000">
              <a:defRPr/>
            </a:lvl3pPr>
            <a:lvl4pPr marL="432000">
              <a:defRPr/>
            </a:lvl4pPr>
            <a:lvl5pPr marL="648000">
              <a:defRPr/>
            </a:lvl5pPr>
          </a:lstStyle>
          <a:p>
            <a:r>
              <a:rPr lang="en-GB"/>
              <a:t>Insert text – Enter and Tab for next level</a:t>
            </a:r>
          </a:p>
          <a:p>
            <a:pPr lvl="1"/>
            <a:endParaRPr lang="en-GB"/>
          </a:p>
        </p:txBody>
      </p:sp>
      <p:sp>
        <p:nvSpPr>
          <p:cNvPr id="13" name="Picture Placeholder 7"/>
          <p:cNvSpPr>
            <a:spLocks noGrp="1"/>
          </p:cNvSpPr>
          <p:nvPr>
            <p:ph type="pic" idx="17" hasCustomPrompt="1"/>
          </p:nvPr>
        </p:nvSpPr>
        <p:spPr>
          <a:xfrm>
            <a:off x="7997688" y="2454965"/>
            <a:ext cx="2710069" cy="1411357"/>
          </a:xfrm>
          <a:prstGeom prst="rect">
            <a:avLst/>
          </a:prstGeom>
          <a:solidFill>
            <a:schemeClr val="bg1">
              <a:lumMod val="85000"/>
            </a:schemeClr>
          </a:solidFill>
        </p:spPr>
        <p:txBody>
          <a:bodyPr tIns="648000" anchor="ctr" anchorCtr="0"/>
          <a:lstStyle>
            <a:lvl1pPr marL="0" indent="0" algn="ctr">
              <a:buNone/>
              <a:defRPr sz="1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GB"/>
              <a:t>Click on this grey area once add image via Templafy Image Library</a:t>
            </a:r>
          </a:p>
        </p:txBody>
      </p:sp>
      <p:sp>
        <p:nvSpPr>
          <p:cNvPr id="6" name="Title 5"/>
          <p:cNvSpPr>
            <a:spLocks noGrp="1"/>
          </p:cNvSpPr>
          <p:nvPr>
            <p:ph type="title" hasCustomPrompt="1"/>
          </p:nvPr>
        </p:nvSpPr>
        <p:spPr>
          <a:xfrm>
            <a:off x="447863" y="421240"/>
            <a:ext cx="8334000" cy="1061960"/>
          </a:xfrm>
          <a:prstGeom prst="rect">
            <a:avLst/>
          </a:prstGeom>
        </p:spPr>
        <p:txBody>
          <a:bodyPr/>
          <a:lstStyle>
            <a:lvl1pPr>
              <a:defRPr/>
            </a:lvl1pPr>
          </a:lstStyle>
          <a:p>
            <a:r>
              <a:rPr lang="en-GB"/>
              <a:t>Click to add title</a:t>
            </a:r>
          </a:p>
        </p:txBody>
      </p:sp>
      <p:sp>
        <p:nvSpPr>
          <p:cNvPr id="2" name="Pladsholder til dato 1" hidden="1"/>
          <p:cNvSpPr>
            <a:spLocks noGrp="1"/>
          </p:cNvSpPr>
          <p:nvPr>
            <p:ph type="dt" sz="half" idx="18"/>
          </p:nvPr>
        </p:nvSpPr>
        <p:spPr/>
        <p:txBody>
          <a:bodyPr/>
          <a:lstStyle/>
          <a:p>
            <a:endParaRPr lang="en-GB"/>
          </a:p>
        </p:txBody>
      </p:sp>
      <p:sp>
        <p:nvSpPr>
          <p:cNvPr id="8" name="Pladsholder til sidefod 7"/>
          <p:cNvSpPr>
            <a:spLocks noGrp="1"/>
          </p:cNvSpPr>
          <p:nvPr>
            <p:ph type="ftr" sz="quarter" idx="19"/>
          </p:nvPr>
        </p:nvSpPr>
        <p:spPr/>
        <p:txBody>
          <a:bodyPr/>
          <a:lstStyle/>
          <a:p>
            <a:endParaRPr lang="en-GB"/>
          </a:p>
        </p:txBody>
      </p:sp>
      <p:sp>
        <p:nvSpPr>
          <p:cNvPr id="14" name="Pladsholder til slidenummer 13" hidden="1"/>
          <p:cNvSpPr>
            <a:spLocks noGrp="1"/>
          </p:cNvSpPr>
          <p:nvPr>
            <p:ph type="sldNum" sz="quarter" idx="20"/>
          </p:nvPr>
        </p:nvSpPr>
        <p:spPr/>
        <p:txBody>
          <a:bodyPr/>
          <a:lstStyle/>
          <a:p>
            <a:fld id="{4D71782F-9FF7-4AE4-B0B3-64936DF31C11}" type="slidenum">
              <a:rPr lang="en-GB" smtClean="0"/>
              <a:pPr/>
              <a:t>‹#›</a:t>
            </a:fld>
            <a:endParaRPr lang="en-GB"/>
          </a:p>
        </p:txBody>
      </p:sp>
      <p:sp>
        <p:nvSpPr>
          <p:cNvPr id="15" name="Logo Placeholder"/>
          <p:cNvSpPr>
            <a:spLocks noGrp="1"/>
          </p:cNvSpPr>
          <p:nvPr>
            <p:ph type="body" sz="quarter" idx="21" hasCustomPrompt="1"/>
          </p:nvPr>
        </p:nvSpPr>
        <p:spPr>
          <a:xfrm>
            <a:off x="447863" y="6492560"/>
            <a:ext cx="734400" cy="151200"/>
          </a:xfrm>
          <a:prstGeom prst="rect">
            <a:avLst/>
          </a:prstGeom>
          <a:blipFill>
            <a:blip r:embed="rId2"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spTree>
    <p:extLst>
      <p:ext uri="{BB962C8B-B14F-4D97-AF65-F5344CB8AC3E}">
        <p14:creationId xmlns:p14="http://schemas.microsoft.com/office/powerpoint/2010/main" val="293175935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4" name="Title Placeholder 1"/>
          <p:cNvSpPr>
            <a:spLocks noGrp="1"/>
          </p:cNvSpPr>
          <p:nvPr>
            <p:ph type="title"/>
          </p:nvPr>
        </p:nvSpPr>
        <p:spPr>
          <a:xfrm>
            <a:off x="447863" y="408640"/>
            <a:ext cx="8334000" cy="1062000"/>
          </a:xfrm>
          <a:prstGeom prst="rect">
            <a:avLst/>
          </a:prstGeom>
        </p:spPr>
        <p:txBody>
          <a:bodyPr vert="horz" lIns="0" tIns="0" rIns="0" bIns="0" rtlCol="0" anchor="b" anchorCtr="0">
            <a:noAutofit/>
          </a:bodyPr>
          <a:lstStyle/>
          <a:p>
            <a:r>
              <a:rPr lang="en-GB"/>
              <a:t>Click to edit Master title style</a:t>
            </a:r>
          </a:p>
        </p:txBody>
      </p:sp>
      <p:sp>
        <p:nvSpPr>
          <p:cNvPr id="14" name="FLD_PresentationTitle"/>
          <p:cNvSpPr>
            <a:spLocks noGrp="1"/>
          </p:cNvSpPr>
          <p:nvPr>
            <p:ph type="ftr" sz="quarter" idx="3"/>
          </p:nvPr>
        </p:nvSpPr>
        <p:spPr>
          <a:xfrm>
            <a:off x="1288782" y="6479087"/>
            <a:ext cx="7491681" cy="147600"/>
          </a:xfrm>
          <a:prstGeom prst="rect">
            <a:avLst/>
          </a:prstGeom>
          <a:noFill/>
          <a:effectLst/>
        </p:spPr>
        <p:txBody>
          <a:bodyPr vert="horz" lIns="0" tIns="0" rIns="0" bIns="0" rtlCol="0" anchor="b" anchorCtr="0"/>
          <a:lstStyle>
            <a:lvl1pPr marL="151200" indent="-151200" algn="l">
              <a:buSzPct val="120000"/>
              <a:buFont typeface="OpenSymbol" panose="05010000000000000000" pitchFamily="2" charset="0"/>
              <a:buChar char="∣"/>
              <a:defRPr sz="900">
                <a:solidFill>
                  <a:schemeClr val="accent1"/>
                </a:solidFill>
              </a:defRPr>
            </a:lvl1pPr>
          </a:lstStyle>
          <a:p>
            <a:endParaRPr lang="en-GB"/>
          </a:p>
        </p:txBody>
      </p:sp>
      <p:sp>
        <p:nvSpPr>
          <p:cNvPr id="15" name="Pladsholder til slidenummer 14" hidden="1"/>
          <p:cNvSpPr>
            <a:spLocks noGrp="1"/>
          </p:cNvSpPr>
          <p:nvPr>
            <p:ph type="sldNum" sz="quarter" idx="4"/>
          </p:nvPr>
        </p:nvSpPr>
        <p:spPr>
          <a:xfrm>
            <a:off x="0" y="7056000"/>
            <a:ext cx="0" cy="0"/>
          </a:xfrm>
          <a:prstGeom prst="rect">
            <a:avLst/>
          </a:prstGeom>
        </p:spPr>
        <p:txBody>
          <a:bodyPr vert="horz" lIns="91440" tIns="45720" rIns="91440" bIns="45720" rtlCol="0" anchor="ctr"/>
          <a:lstStyle>
            <a:lvl1pPr algn="r">
              <a:defRPr sz="100">
                <a:noFill/>
              </a:defRPr>
            </a:lvl1pPr>
          </a:lstStyle>
          <a:p>
            <a:fld id="{4D71782F-9FF7-4AE4-B0B3-64936DF31C11}" type="slidenum">
              <a:rPr lang="en-GB" smtClean="0"/>
              <a:pPr/>
              <a:t>‹#›</a:t>
            </a:fld>
            <a:endParaRPr lang="en-GB"/>
          </a:p>
        </p:txBody>
      </p:sp>
      <p:sp>
        <p:nvSpPr>
          <p:cNvPr id="4" name="Pladsholder til dato 3" hidden="1"/>
          <p:cNvSpPr>
            <a:spLocks noGrp="1"/>
          </p:cNvSpPr>
          <p:nvPr>
            <p:ph type="dt" sz="half" idx="2"/>
          </p:nvPr>
        </p:nvSpPr>
        <p:spPr>
          <a:xfrm>
            <a:off x="0" y="6984000"/>
            <a:ext cx="0" cy="0"/>
          </a:xfrm>
          <a:prstGeom prst="rect">
            <a:avLst/>
          </a:prstGeom>
        </p:spPr>
        <p:txBody>
          <a:bodyPr vert="horz" lIns="91440" tIns="45720" rIns="91440" bIns="45720" rtlCol="0" anchor="ctr"/>
          <a:lstStyle>
            <a:lvl1pPr algn="l">
              <a:defRPr sz="100">
                <a:solidFill>
                  <a:schemeClr val="tx1">
                    <a:tint val="75000"/>
                  </a:schemeClr>
                </a:solidFill>
              </a:defRPr>
            </a:lvl1pPr>
          </a:lstStyle>
          <a:p>
            <a:endParaRPr lang="en-GB"/>
          </a:p>
        </p:txBody>
      </p:sp>
      <p:sp>
        <p:nvSpPr>
          <p:cNvPr id="2" name="Pladsholder til tekst 1"/>
          <p:cNvSpPr>
            <a:spLocks noGrp="1"/>
          </p:cNvSpPr>
          <p:nvPr>
            <p:ph type="body" idx="1"/>
          </p:nvPr>
        </p:nvSpPr>
        <p:spPr>
          <a:xfrm>
            <a:off x="447863" y="1622424"/>
            <a:ext cx="11105962" cy="4716463"/>
          </a:xfrm>
          <a:prstGeom prst="rect">
            <a:avLst/>
          </a:prstGeom>
        </p:spPr>
        <p:txBody>
          <a:bodyPr vert="horz" lIns="0" tIns="0" rIns="0" bIns="0" rtlCol="0">
            <a:normAutofit/>
          </a:bodyPr>
          <a:lstStyle/>
          <a:p>
            <a:pPr lvl="0"/>
            <a:r>
              <a:rPr lang="en-GB"/>
              <a:t>Rediger typografien i masterens</a:t>
            </a:r>
          </a:p>
          <a:p>
            <a:pPr lvl="1"/>
            <a:r>
              <a:rPr lang="en-GB"/>
              <a:t>Andet niveau</a:t>
            </a:r>
          </a:p>
          <a:p>
            <a:pPr lvl="2"/>
            <a:r>
              <a:rPr lang="en-GB"/>
              <a:t>Tredje niveau</a:t>
            </a:r>
          </a:p>
          <a:p>
            <a:pPr lvl="3"/>
            <a:r>
              <a:rPr lang="en-GB"/>
              <a:t>Fjerde niveau</a:t>
            </a:r>
          </a:p>
          <a:p>
            <a:pPr lvl="4"/>
            <a:r>
              <a:rPr lang="en-GB"/>
              <a:t>Femte niveau</a:t>
            </a:r>
          </a:p>
          <a:p>
            <a:pPr lvl="5"/>
            <a:r>
              <a:rPr lang="en-GB"/>
              <a:t>6</a:t>
            </a:r>
          </a:p>
          <a:p>
            <a:pPr lvl="6"/>
            <a:r>
              <a:rPr lang="en-GB"/>
              <a:t>7</a:t>
            </a:r>
          </a:p>
          <a:p>
            <a:pPr lvl="7"/>
            <a:r>
              <a:rPr lang="en-GB"/>
              <a:t>8</a:t>
            </a:r>
          </a:p>
          <a:p>
            <a:pPr lvl="8"/>
            <a:r>
              <a:rPr lang="en-GB"/>
              <a:t>9</a:t>
            </a:r>
          </a:p>
          <a:p>
            <a:pPr lvl="4"/>
            <a:endParaRPr lang="en-GB"/>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58" r:id="rId1"/>
    <p:sldLayoutId id="2147483656" r:id="rId2"/>
    <p:sldLayoutId id="2147483652" r:id="rId3"/>
    <p:sldLayoutId id="2147483664" r:id="rId4"/>
    <p:sldLayoutId id="2147483661" r:id="rId5"/>
    <p:sldLayoutId id="2147483659" r:id="rId6"/>
    <p:sldLayoutId id="2147483653" r:id="rId7"/>
    <p:sldLayoutId id="2147483649" r:id="rId8"/>
    <p:sldLayoutId id="2147483665" r:id="rId9"/>
    <p:sldLayoutId id="2147483663" r:id="rId10"/>
    <p:sldLayoutId id="2147483660" r:id="rId11"/>
    <p:sldLayoutId id="2147483654" r:id="rId12"/>
    <p:sldLayoutId id="2147483666" r:id="rId13"/>
    <p:sldLayoutId id="2147483662" r:id="rId14"/>
    <p:sldLayoutId id="2147483650" r:id="rId15"/>
    <p:sldLayoutId id="2147483655" r:id="rId16"/>
    <p:sldLayoutId id="2147483657" r:id="rId17"/>
    <p:sldLayoutId id="2147483667" r:id="rId18"/>
    <p:sldLayoutId id="2147483668" r:id="rId19"/>
    <p:sldLayoutId id="2147483669" r:id="rId20"/>
    <p:sldLayoutId id="2147483670" r:id="rId21"/>
  </p:sldLayoutIdLst>
  <p:hf sldNum="0" hdr="0" dt="0"/>
  <p:txStyles>
    <p:titleStyle>
      <a:lvl1pPr marL="0" algn="l" defTabSz="914400" rtl="0" eaLnBrk="1" latinLnBrk="0" hangingPunct="1">
        <a:lnSpc>
          <a:spcPct val="100000"/>
        </a:lnSpc>
        <a:spcBef>
          <a:spcPct val="0"/>
        </a:spcBef>
        <a:spcAft>
          <a:spcPts val="0"/>
        </a:spcAft>
        <a:buNone/>
        <a:defRPr sz="4000" b="0" kern="1200">
          <a:solidFill>
            <a:schemeClr val="accent1"/>
          </a:solidFill>
          <a:latin typeface="+mj-lt"/>
          <a:ea typeface="Open Sans Light" panose="020B0604020202020204" charset="0"/>
          <a:cs typeface="Open Sans Light" panose="020B0604020202020204" charset="0"/>
        </a:defRPr>
      </a:lvl1pPr>
    </p:titleStyle>
    <p:bodyStyle>
      <a:lvl1pPr marL="183600" indent="-183600" algn="l" defTabSz="914400" rtl="0" eaLnBrk="1" latinLnBrk="0" hangingPunct="1">
        <a:lnSpc>
          <a:spcPct val="100000"/>
        </a:lnSpc>
        <a:spcBef>
          <a:spcPts val="600"/>
        </a:spcBef>
        <a:spcAft>
          <a:spcPts val="0"/>
        </a:spcAft>
        <a:buFont typeface="Arial" panose="020B0604020202020204" pitchFamily="34" charset="0"/>
        <a:buChar char="•"/>
        <a:defRPr sz="2400" kern="1200">
          <a:solidFill>
            <a:schemeClr val="tx1"/>
          </a:solidFill>
          <a:latin typeface="+mn-lt"/>
          <a:ea typeface="Open Sans" panose="020B0606030504020204" pitchFamily="34" charset="0"/>
          <a:cs typeface="Open Sans" panose="020B0606030504020204" pitchFamily="34" charset="0"/>
        </a:defRPr>
      </a:lvl1pPr>
      <a:lvl2pPr marL="274320" indent="-182880" algn="l" defTabSz="914400" rtl="0" eaLnBrk="1" latinLnBrk="0" hangingPunct="1">
        <a:lnSpc>
          <a:spcPct val="90000"/>
        </a:lnSpc>
        <a:spcBef>
          <a:spcPts val="400"/>
        </a:spcBef>
        <a:buFont typeface="Arial" panose="020B0604020202020204" pitchFamily="34" charset="0"/>
        <a:buChar char="•"/>
        <a:defRPr sz="2100" kern="1200">
          <a:solidFill>
            <a:schemeClr val="tx1"/>
          </a:solidFill>
          <a:latin typeface="+mn-lt"/>
          <a:ea typeface="Open Sans" panose="020B0606030504020204" pitchFamily="34" charset="0"/>
          <a:cs typeface="Open Sans" panose="020B0606030504020204" pitchFamily="34" charset="0"/>
        </a:defRPr>
      </a:lvl2pPr>
      <a:lvl3pPr marL="457200" indent="-182880" algn="l" defTabSz="914400" rtl="0" eaLnBrk="1" latinLnBrk="0" hangingPunct="1">
        <a:lnSpc>
          <a:spcPct val="90000"/>
        </a:lnSpc>
        <a:spcBef>
          <a:spcPts val="400"/>
        </a:spcBef>
        <a:spcAft>
          <a:spcPts val="0"/>
        </a:spcAft>
        <a:buFont typeface="Open Sans" panose="020B0604020202020204" charset="0"/>
        <a:buChar char="-"/>
        <a:defRPr lang="en-US" sz="1800" kern="1200" noProof="0" dirty="0">
          <a:solidFill>
            <a:schemeClr val="tx1"/>
          </a:solidFill>
          <a:latin typeface="+mn-lt"/>
          <a:ea typeface="Open Sans" panose="020B0606030504020204" pitchFamily="34" charset="0"/>
          <a:cs typeface="Open Sans" panose="020B0606030504020204" pitchFamily="34" charset="0"/>
        </a:defRPr>
      </a:lvl3pPr>
      <a:lvl4pPr marL="640080" indent="-137160" algn="l" defTabSz="914400" rtl="0" eaLnBrk="1" latinLnBrk="0" hangingPunct="1">
        <a:lnSpc>
          <a:spcPct val="90000"/>
        </a:lnSpc>
        <a:spcBef>
          <a:spcPts val="400"/>
        </a:spcBef>
        <a:spcAft>
          <a:spcPts val="600"/>
        </a:spcAft>
        <a:buFont typeface="Open Sans" panose="020B0604020202020204" charset="0"/>
        <a:buChar char="∙"/>
        <a:defRPr sz="1800" kern="1200" baseline="0">
          <a:solidFill>
            <a:schemeClr val="tx1"/>
          </a:solidFill>
          <a:latin typeface="+mn-lt"/>
          <a:ea typeface="Open Sans" panose="020B0606030504020204" pitchFamily="34" charset="0"/>
          <a:cs typeface="Open Sans" panose="020B0606030504020204" pitchFamily="34" charset="0"/>
        </a:defRPr>
      </a:lvl4pPr>
      <a:lvl5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a:solidFill>
            <a:schemeClr val="tx1"/>
          </a:solidFill>
          <a:latin typeface="+mn-lt"/>
          <a:ea typeface="Open Sans" panose="020B0606030504020204" pitchFamily="34" charset="0"/>
          <a:cs typeface="Open Sans" panose="020B0606030504020204" pitchFamily="34" charset="0"/>
        </a:defRPr>
      </a:lvl5pPr>
      <a:lvl6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a:solidFill>
            <a:schemeClr val="tx1"/>
          </a:solidFill>
          <a:latin typeface="+mn-lt"/>
          <a:ea typeface="Open Sans" panose="020B0606030504020204" pitchFamily="34" charset="0"/>
          <a:cs typeface="Open Sans" panose="020B0606030504020204" pitchFamily="34" charset="0"/>
        </a:defRPr>
      </a:lvl6pPr>
      <a:lvl7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baseline="0">
          <a:solidFill>
            <a:schemeClr val="tx1"/>
          </a:solidFill>
          <a:latin typeface="+mn-lt"/>
          <a:ea typeface="Open Sans" panose="020B0606030504020204" pitchFamily="34" charset="0"/>
          <a:cs typeface="Open Sans" panose="020B0606030504020204" pitchFamily="34" charset="0"/>
        </a:defRPr>
      </a:lvl7pPr>
      <a:lvl8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a:solidFill>
            <a:schemeClr val="tx1"/>
          </a:solidFill>
          <a:latin typeface="+mn-lt"/>
          <a:ea typeface="Open Sans" panose="020B0606030504020204" pitchFamily="34" charset="0"/>
          <a:cs typeface="Open Sans" panose="020B0606030504020204" pitchFamily="34" charset="0"/>
        </a:defRPr>
      </a:lvl8pPr>
      <a:lvl9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baseline="0">
          <a:solidFill>
            <a:schemeClr val="tx1"/>
          </a:solidFill>
          <a:latin typeface="+mn-lt"/>
          <a:ea typeface="Open Sans" panose="020B0606030504020204" pitchFamily="34" charset="0"/>
          <a:cs typeface="Open Sans" panose="020B0606030504020204" pitchFamily="34" charset="0"/>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5531" userDrawn="1">
          <p15:clr>
            <a:srgbClr val="F26B43"/>
          </p15:clr>
        </p15:guide>
        <p15:guide id="3" orient="horz" pos="93" userDrawn="1">
          <p15:clr>
            <a:srgbClr val="F26B43"/>
          </p15:clr>
        </p15:guide>
        <p15:guide id="4" orient="horz" pos="934" userDrawn="1">
          <p15:clr>
            <a:srgbClr val="F26B43"/>
          </p15:clr>
        </p15:guide>
        <p15:guide id="5" pos="280" userDrawn="1">
          <p15:clr>
            <a:srgbClr val="F26B43"/>
          </p15:clr>
        </p15:guide>
        <p15:guide id="6" pos="7278" userDrawn="1">
          <p15:clr>
            <a:srgbClr val="F26B43"/>
          </p15:clr>
        </p15:guide>
        <p15:guide id="7" orient="horz" pos="1022" userDrawn="1">
          <p15:clr>
            <a:srgbClr val="F26B43"/>
          </p15:clr>
        </p15:guide>
        <p15:guide id="8" orient="horz" pos="399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1.xml"/><Relationship Id="rId4" Type="http://schemas.openxmlformats.org/officeDocument/2006/relationships/image" Target="../media/image26.pn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3.xml"/><Relationship Id="rId1" Type="http://schemas.openxmlformats.org/officeDocument/2006/relationships/tags" Target="../tags/tag27.xml"/><Relationship Id="rId5" Type="http://schemas.openxmlformats.org/officeDocument/2006/relationships/image" Target="../media/image98.png"/><Relationship Id="rId4" Type="http://schemas.openxmlformats.org/officeDocument/2006/relationships/image" Target="../media/image97.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4.xml"/><Relationship Id="rId1" Type="http://schemas.openxmlformats.org/officeDocument/2006/relationships/tags" Target="../tags/tag28.xml"/><Relationship Id="rId4" Type="http://schemas.openxmlformats.org/officeDocument/2006/relationships/image" Target="../media/image99.jpe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4.xml"/><Relationship Id="rId1" Type="http://schemas.openxmlformats.org/officeDocument/2006/relationships/tags" Target="../tags/tag29.xml"/><Relationship Id="rId4" Type="http://schemas.openxmlformats.org/officeDocument/2006/relationships/image" Target="../media/image100.jpeg"/></Relationships>
</file>

<file path=ppt/slides/_rels/slide13.xml.rels><?xml version="1.0" encoding="UTF-8" standalone="yes"?>
<Relationships xmlns="http://schemas.openxmlformats.org/package/2006/relationships"><Relationship Id="rId8" Type="http://schemas.openxmlformats.org/officeDocument/2006/relationships/image" Target="../media/image105.png"/><Relationship Id="rId13" Type="http://schemas.openxmlformats.org/officeDocument/2006/relationships/image" Target="../media/image110.png"/><Relationship Id="rId3" Type="http://schemas.openxmlformats.org/officeDocument/2006/relationships/notesSlide" Target="../notesSlides/notesSlide13.xml"/><Relationship Id="rId7" Type="http://schemas.openxmlformats.org/officeDocument/2006/relationships/image" Target="../media/image104.png"/><Relationship Id="rId12" Type="http://schemas.openxmlformats.org/officeDocument/2006/relationships/image" Target="../media/image109.png"/><Relationship Id="rId17" Type="http://schemas.openxmlformats.org/officeDocument/2006/relationships/image" Target="../media/image114.png"/><Relationship Id="rId2" Type="http://schemas.openxmlformats.org/officeDocument/2006/relationships/slideLayout" Target="../slideLayouts/slideLayout3.xml"/><Relationship Id="rId16" Type="http://schemas.openxmlformats.org/officeDocument/2006/relationships/image" Target="../media/image113.jpeg"/><Relationship Id="rId1" Type="http://schemas.openxmlformats.org/officeDocument/2006/relationships/tags" Target="../tags/tag30.xml"/><Relationship Id="rId6" Type="http://schemas.openxmlformats.org/officeDocument/2006/relationships/image" Target="../media/image103.png"/><Relationship Id="rId11" Type="http://schemas.openxmlformats.org/officeDocument/2006/relationships/image" Target="../media/image108.png"/><Relationship Id="rId5" Type="http://schemas.openxmlformats.org/officeDocument/2006/relationships/image" Target="../media/image102.png"/><Relationship Id="rId15" Type="http://schemas.openxmlformats.org/officeDocument/2006/relationships/image" Target="../media/image112.jpeg"/><Relationship Id="rId10" Type="http://schemas.openxmlformats.org/officeDocument/2006/relationships/image" Target="../media/image107.png"/><Relationship Id="rId4" Type="http://schemas.openxmlformats.org/officeDocument/2006/relationships/image" Target="../media/image101.jpeg"/><Relationship Id="rId9" Type="http://schemas.openxmlformats.org/officeDocument/2006/relationships/image" Target="../media/image106.png"/><Relationship Id="rId14" Type="http://schemas.openxmlformats.org/officeDocument/2006/relationships/image" Target="../media/image111.pn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4.xml"/><Relationship Id="rId1" Type="http://schemas.openxmlformats.org/officeDocument/2006/relationships/tags" Target="../tags/tag31.xml"/><Relationship Id="rId5" Type="http://schemas.openxmlformats.org/officeDocument/2006/relationships/image" Target="../media/image116.png"/><Relationship Id="rId4" Type="http://schemas.openxmlformats.org/officeDocument/2006/relationships/image" Target="../media/image115.jpeg"/></Relationships>
</file>

<file path=ppt/slides/_rels/slide15.xml.rels><?xml version="1.0" encoding="UTF-8" standalone="yes"?>
<Relationships xmlns="http://schemas.openxmlformats.org/package/2006/relationships"><Relationship Id="rId8" Type="http://schemas.openxmlformats.org/officeDocument/2006/relationships/image" Target="../media/image121.png"/><Relationship Id="rId3" Type="http://schemas.openxmlformats.org/officeDocument/2006/relationships/notesSlide" Target="../notesSlides/notesSlide15.xml"/><Relationship Id="rId7" Type="http://schemas.openxmlformats.org/officeDocument/2006/relationships/image" Target="../media/image120.png"/><Relationship Id="rId12" Type="http://schemas.openxmlformats.org/officeDocument/2006/relationships/image" Target="../media/image116.png"/><Relationship Id="rId2" Type="http://schemas.openxmlformats.org/officeDocument/2006/relationships/slideLayout" Target="../slideLayouts/slideLayout3.xml"/><Relationship Id="rId1" Type="http://schemas.openxmlformats.org/officeDocument/2006/relationships/tags" Target="../tags/tag32.xml"/><Relationship Id="rId6" Type="http://schemas.openxmlformats.org/officeDocument/2006/relationships/image" Target="../media/image119.png"/><Relationship Id="rId11" Type="http://schemas.openxmlformats.org/officeDocument/2006/relationships/image" Target="../media/image123.png"/><Relationship Id="rId5" Type="http://schemas.openxmlformats.org/officeDocument/2006/relationships/image" Target="../media/image118.png"/><Relationship Id="rId10" Type="http://schemas.openxmlformats.org/officeDocument/2006/relationships/image" Target="../media/image122.png"/><Relationship Id="rId4" Type="http://schemas.openxmlformats.org/officeDocument/2006/relationships/image" Target="../media/image117.jpeg"/><Relationship Id="rId9" Type="http://schemas.openxmlformats.org/officeDocument/2006/relationships/image" Target="../media/image107.png"/></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4.xml"/><Relationship Id="rId1" Type="http://schemas.openxmlformats.org/officeDocument/2006/relationships/tags" Target="../tags/tag33.xml"/><Relationship Id="rId5" Type="http://schemas.openxmlformats.org/officeDocument/2006/relationships/image" Target="../media/image125.png"/><Relationship Id="rId4" Type="http://schemas.openxmlformats.org/officeDocument/2006/relationships/image" Target="../media/image124.jpeg"/></Relationships>
</file>

<file path=ppt/slides/_rels/slide17.xml.rels><?xml version="1.0" encoding="UTF-8" standalone="yes"?>
<Relationships xmlns="http://schemas.openxmlformats.org/package/2006/relationships"><Relationship Id="rId8" Type="http://schemas.openxmlformats.org/officeDocument/2006/relationships/image" Target="../media/image130.png"/><Relationship Id="rId3" Type="http://schemas.openxmlformats.org/officeDocument/2006/relationships/notesSlide" Target="../notesSlides/notesSlide17.xml"/><Relationship Id="rId7" Type="http://schemas.openxmlformats.org/officeDocument/2006/relationships/image" Target="../media/image129.png"/><Relationship Id="rId12" Type="http://schemas.openxmlformats.org/officeDocument/2006/relationships/image" Target="../media/image125.png"/><Relationship Id="rId2" Type="http://schemas.openxmlformats.org/officeDocument/2006/relationships/slideLayout" Target="../slideLayouts/slideLayout3.xml"/><Relationship Id="rId1" Type="http://schemas.openxmlformats.org/officeDocument/2006/relationships/tags" Target="../tags/tag34.xml"/><Relationship Id="rId6" Type="http://schemas.openxmlformats.org/officeDocument/2006/relationships/image" Target="../media/image128.png"/><Relationship Id="rId11" Type="http://schemas.openxmlformats.org/officeDocument/2006/relationships/image" Target="../media/image133.png"/><Relationship Id="rId5" Type="http://schemas.openxmlformats.org/officeDocument/2006/relationships/image" Target="../media/image127.png"/><Relationship Id="rId10" Type="http://schemas.openxmlformats.org/officeDocument/2006/relationships/image" Target="../media/image132.png"/><Relationship Id="rId4" Type="http://schemas.openxmlformats.org/officeDocument/2006/relationships/image" Target="../media/image126.jpeg"/><Relationship Id="rId9" Type="http://schemas.openxmlformats.org/officeDocument/2006/relationships/image" Target="../media/image131.pn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7.xml"/><Relationship Id="rId1" Type="http://schemas.openxmlformats.org/officeDocument/2006/relationships/tags" Target="../tags/tag35.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7.xml"/><Relationship Id="rId1" Type="http://schemas.openxmlformats.org/officeDocument/2006/relationships/tags" Target="../tags/tag36.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2.xml"/><Relationship Id="rId6" Type="http://schemas.openxmlformats.org/officeDocument/2006/relationships/image" Target="../media/image29.svg"/><Relationship Id="rId5" Type="http://schemas.openxmlformats.org/officeDocument/2006/relationships/image" Target="../media/image28.png"/><Relationship Id="rId4" Type="http://schemas.openxmlformats.org/officeDocument/2006/relationships/image" Target="../media/image27.jpeg"/></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134.jpg"/><Relationship Id="rId2" Type="http://schemas.openxmlformats.org/officeDocument/2006/relationships/notesSlide" Target="../notesSlides/notesSlide21.xml"/><Relationship Id="rId1" Type="http://schemas.openxmlformats.org/officeDocument/2006/relationships/slideLayout" Target="../slideLayouts/slideLayout13.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22.xml"/><Relationship Id="rId7" Type="http://schemas.openxmlformats.org/officeDocument/2006/relationships/image" Target="../media/image137.png"/><Relationship Id="rId2" Type="http://schemas.openxmlformats.org/officeDocument/2006/relationships/slideLayout" Target="../slideLayouts/slideLayout10.xml"/><Relationship Id="rId1" Type="http://schemas.openxmlformats.org/officeDocument/2006/relationships/tags" Target="../tags/tag37.xml"/><Relationship Id="rId6" Type="http://schemas.openxmlformats.org/officeDocument/2006/relationships/image" Target="../media/image136.png"/><Relationship Id="rId5" Type="http://schemas.openxmlformats.org/officeDocument/2006/relationships/image" Target="../media/image5.emf"/><Relationship Id="rId4" Type="http://schemas.openxmlformats.org/officeDocument/2006/relationships/image" Target="../media/image135.jpg"/></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21.xml"/><Relationship Id="rId1" Type="http://schemas.openxmlformats.org/officeDocument/2006/relationships/tags" Target="../tags/tag38.xml"/><Relationship Id="rId6" Type="http://schemas.openxmlformats.org/officeDocument/2006/relationships/image" Target="../media/image136.png"/><Relationship Id="rId5" Type="http://schemas.openxmlformats.org/officeDocument/2006/relationships/image" Target="../media/image5.emf"/><Relationship Id="rId4" Type="http://schemas.openxmlformats.org/officeDocument/2006/relationships/image" Target="../media/image138.jpg"/></Relationships>
</file>

<file path=ppt/slides/_rels/slide24.xml.rels><?xml version="1.0" encoding="UTF-8" standalone="yes"?>
<Relationships xmlns="http://schemas.openxmlformats.org/package/2006/relationships"><Relationship Id="rId3" Type="http://schemas.openxmlformats.org/officeDocument/2006/relationships/image" Target="../media/image139.emf"/><Relationship Id="rId2" Type="http://schemas.openxmlformats.org/officeDocument/2006/relationships/notesSlide" Target="../notesSlides/notesSlide24.xml"/><Relationship Id="rId1" Type="http://schemas.openxmlformats.org/officeDocument/2006/relationships/slideLayout" Target="../slideLayouts/slideLayout15.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11.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13.xml"/><Relationship Id="rId1" Type="http://schemas.openxmlformats.org/officeDocument/2006/relationships/tags" Target="../tags/tag39.xml"/><Relationship Id="rId4" Type="http://schemas.openxmlformats.org/officeDocument/2006/relationships/image" Target="../media/image140.jpeg"/></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2.xml"/><Relationship Id="rId1" Type="http://schemas.openxmlformats.org/officeDocument/2006/relationships/tags" Target="../tags/tag40.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4.xml"/><Relationship Id="rId1" Type="http://schemas.openxmlformats.org/officeDocument/2006/relationships/tags" Target="../tags/tag3.xml"/><Relationship Id="rId6" Type="http://schemas.openxmlformats.org/officeDocument/2006/relationships/image" Target="../media/image32.svg"/><Relationship Id="rId5" Type="http://schemas.openxmlformats.org/officeDocument/2006/relationships/image" Target="../media/image31.png"/><Relationship Id="rId4" Type="http://schemas.openxmlformats.org/officeDocument/2006/relationships/image" Target="../media/image30.jpeg"/></Relationships>
</file>

<file path=ppt/slides/_rels/slide4.xml.rels><?xml version="1.0" encoding="UTF-8" standalone="yes"?>
<Relationships xmlns="http://schemas.openxmlformats.org/package/2006/relationships"><Relationship Id="rId13" Type="http://schemas.openxmlformats.org/officeDocument/2006/relationships/tags" Target="../tags/tag16.xml"/><Relationship Id="rId18" Type="http://schemas.openxmlformats.org/officeDocument/2006/relationships/image" Target="../media/image35.png"/><Relationship Id="rId26" Type="http://schemas.openxmlformats.org/officeDocument/2006/relationships/image" Target="../media/image43.svg"/><Relationship Id="rId39" Type="http://schemas.openxmlformats.org/officeDocument/2006/relationships/image" Target="../media/image54.png"/><Relationship Id="rId21" Type="http://schemas.openxmlformats.org/officeDocument/2006/relationships/image" Target="../media/image38.png"/><Relationship Id="rId34" Type="http://schemas.openxmlformats.org/officeDocument/2006/relationships/image" Target="../media/image49.png"/><Relationship Id="rId42" Type="http://schemas.openxmlformats.org/officeDocument/2006/relationships/image" Target="../media/image57.svg"/><Relationship Id="rId7" Type="http://schemas.openxmlformats.org/officeDocument/2006/relationships/tags" Target="../tags/tag10.xml"/><Relationship Id="rId2" Type="http://schemas.openxmlformats.org/officeDocument/2006/relationships/tags" Target="../tags/tag5.xml"/><Relationship Id="rId16" Type="http://schemas.openxmlformats.org/officeDocument/2006/relationships/image" Target="../media/image33.png"/><Relationship Id="rId29" Type="http://schemas.openxmlformats.org/officeDocument/2006/relationships/image" Target="../media/image45.png"/><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24" Type="http://schemas.openxmlformats.org/officeDocument/2006/relationships/image" Target="../media/image41.svg"/><Relationship Id="rId32" Type="http://schemas.openxmlformats.org/officeDocument/2006/relationships/image" Target="../media/image48.png"/><Relationship Id="rId37" Type="http://schemas.openxmlformats.org/officeDocument/2006/relationships/image" Target="../media/image52.png"/><Relationship Id="rId40" Type="http://schemas.openxmlformats.org/officeDocument/2006/relationships/image" Target="../media/image55.svg"/><Relationship Id="rId45" Type="http://schemas.openxmlformats.org/officeDocument/2006/relationships/image" Target="../media/image60.png"/><Relationship Id="rId5" Type="http://schemas.openxmlformats.org/officeDocument/2006/relationships/tags" Target="../tags/tag8.xml"/><Relationship Id="rId15" Type="http://schemas.openxmlformats.org/officeDocument/2006/relationships/notesSlide" Target="../notesSlides/notesSlide4.xml"/><Relationship Id="rId23" Type="http://schemas.openxmlformats.org/officeDocument/2006/relationships/image" Target="../media/image40.png"/><Relationship Id="rId28" Type="http://schemas.microsoft.com/office/2007/relationships/hdphoto" Target="../media/hdphoto2.wdp"/><Relationship Id="rId36" Type="http://schemas.openxmlformats.org/officeDocument/2006/relationships/image" Target="../media/image51.png"/><Relationship Id="rId10" Type="http://schemas.openxmlformats.org/officeDocument/2006/relationships/tags" Target="../tags/tag13.xml"/><Relationship Id="rId19" Type="http://schemas.openxmlformats.org/officeDocument/2006/relationships/image" Target="../media/image36.svg"/><Relationship Id="rId31" Type="http://schemas.openxmlformats.org/officeDocument/2006/relationships/image" Target="../media/image47.png"/><Relationship Id="rId44" Type="http://schemas.openxmlformats.org/officeDocument/2006/relationships/image" Target="../media/image59.png"/><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slideLayout" Target="../slideLayouts/slideLayout4.xml"/><Relationship Id="rId22" Type="http://schemas.openxmlformats.org/officeDocument/2006/relationships/image" Target="../media/image39.svg"/><Relationship Id="rId27" Type="http://schemas.openxmlformats.org/officeDocument/2006/relationships/image" Target="../media/image44.png"/><Relationship Id="rId30" Type="http://schemas.openxmlformats.org/officeDocument/2006/relationships/image" Target="../media/image46.png"/><Relationship Id="rId35" Type="http://schemas.openxmlformats.org/officeDocument/2006/relationships/image" Target="../media/image50.png"/><Relationship Id="rId43" Type="http://schemas.openxmlformats.org/officeDocument/2006/relationships/image" Target="../media/image58.png"/><Relationship Id="rId8" Type="http://schemas.openxmlformats.org/officeDocument/2006/relationships/tags" Target="../tags/tag11.xml"/><Relationship Id="rId3" Type="http://schemas.openxmlformats.org/officeDocument/2006/relationships/tags" Target="../tags/tag6.xml"/><Relationship Id="rId12" Type="http://schemas.openxmlformats.org/officeDocument/2006/relationships/tags" Target="../tags/tag15.xml"/><Relationship Id="rId17" Type="http://schemas.openxmlformats.org/officeDocument/2006/relationships/image" Target="../media/image34.svg"/><Relationship Id="rId25" Type="http://schemas.openxmlformats.org/officeDocument/2006/relationships/image" Target="../media/image42.png"/><Relationship Id="rId33" Type="http://schemas.microsoft.com/office/2007/relationships/hdphoto" Target="../media/hdphoto3.wdp"/><Relationship Id="rId38" Type="http://schemas.openxmlformats.org/officeDocument/2006/relationships/image" Target="../media/image53.svg"/><Relationship Id="rId20" Type="http://schemas.openxmlformats.org/officeDocument/2006/relationships/image" Target="../media/image37.png"/><Relationship Id="rId41" Type="http://schemas.openxmlformats.org/officeDocument/2006/relationships/image" Target="../media/image56.png"/></Relationships>
</file>

<file path=ppt/slides/_rels/slide5.xml.rels><?xml version="1.0" encoding="UTF-8" standalone="yes"?>
<Relationships xmlns="http://schemas.openxmlformats.org/package/2006/relationships"><Relationship Id="rId8" Type="http://schemas.openxmlformats.org/officeDocument/2006/relationships/image" Target="../media/image62.png"/><Relationship Id="rId13" Type="http://schemas.openxmlformats.org/officeDocument/2006/relationships/image" Target="../media/image67.svg"/><Relationship Id="rId3" Type="http://schemas.openxmlformats.org/officeDocument/2006/relationships/tags" Target="../tags/tag19.xml"/><Relationship Id="rId7" Type="http://schemas.openxmlformats.org/officeDocument/2006/relationships/image" Target="../media/image61.jpeg"/><Relationship Id="rId12" Type="http://schemas.openxmlformats.org/officeDocument/2006/relationships/image" Target="../media/image66.png"/><Relationship Id="rId2" Type="http://schemas.openxmlformats.org/officeDocument/2006/relationships/tags" Target="../tags/tag18.xml"/><Relationship Id="rId1" Type="http://schemas.openxmlformats.org/officeDocument/2006/relationships/tags" Target="../tags/tag17.xml"/><Relationship Id="rId6" Type="http://schemas.openxmlformats.org/officeDocument/2006/relationships/notesSlide" Target="../notesSlides/notesSlide5.xml"/><Relationship Id="rId11" Type="http://schemas.openxmlformats.org/officeDocument/2006/relationships/image" Target="../media/image65.svg"/><Relationship Id="rId5" Type="http://schemas.openxmlformats.org/officeDocument/2006/relationships/slideLayout" Target="../slideLayouts/slideLayout4.xml"/><Relationship Id="rId15" Type="http://schemas.openxmlformats.org/officeDocument/2006/relationships/image" Target="../media/image69.svg"/><Relationship Id="rId10" Type="http://schemas.openxmlformats.org/officeDocument/2006/relationships/image" Target="../media/image64.png"/><Relationship Id="rId4" Type="http://schemas.openxmlformats.org/officeDocument/2006/relationships/tags" Target="../tags/tag20.xml"/><Relationship Id="rId9" Type="http://schemas.openxmlformats.org/officeDocument/2006/relationships/image" Target="../media/image63.svg"/><Relationship Id="rId14" Type="http://schemas.openxmlformats.org/officeDocument/2006/relationships/image" Target="../media/image68.png"/></Relationships>
</file>

<file path=ppt/slides/_rels/slide6.xml.rels><?xml version="1.0" encoding="UTF-8" standalone="yes"?>
<Relationships xmlns="http://schemas.openxmlformats.org/package/2006/relationships"><Relationship Id="rId8" Type="http://schemas.openxmlformats.org/officeDocument/2006/relationships/image" Target="../media/image5.emf"/><Relationship Id="rId3" Type="http://schemas.openxmlformats.org/officeDocument/2006/relationships/slideLayout" Target="../slideLayouts/slideLayout19.xml"/><Relationship Id="rId7" Type="http://schemas.openxmlformats.org/officeDocument/2006/relationships/image" Target="../media/image72.svg"/><Relationship Id="rId12" Type="http://schemas.openxmlformats.org/officeDocument/2006/relationships/image" Target="../media/image76.png"/><Relationship Id="rId2" Type="http://schemas.openxmlformats.org/officeDocument/2006/relationships/tags" Target="../tags/tag22.xml"/><Relationship Id="rId1" Type="http://schemas.openxmlformats.org/officeDocument/2006/relationships/tags" Target="../tags/tag21.xml"/><Relationship Id="rId6" Type="http://schemas.openxmlformats.org/officeDocument/2006/relationships/image" Target="../media/image71.png"/><Relationship Id="rId11" Type="http://schemas.openxmlformats.org/officeDocument/2006/relationships/image" Target="../media/image75.svg"/><Relationship Id="rId5" Type="http://schemas.openxmlformats.org/officeDocument/2006/relationships/image" Target="../media/image70.png"/><Relationship Id="rId10" Type="http://schemas.openxmlformats.org/officeDocument/2006/relationships/image" Target="../media/image74.png"/><Relationship Id="rId4" Type="http://schemas.openxmlformats.org/officeDocument/2006/relationships/notesSlide" Target="../notesSlides/notesSlide6.xml"/><Relationship Id="rId9" Type="http://schemas.openxmlformats.org/officeDocument/2006/relationships/image" Target="../media/image73.png"/></Relationships>
</file>

<file path=ppt/slides/_rels/slide7.xml.rels><?xml version="1.0" encoding="UTF-8" standalone="yes"?>
<Relationships xmlns="http://schemas.openxmlformats.org/package/2006/relationships"><Relationship Id="rId8" Type="http://schemas.openxmlformats.org/officeDocument/2006/relationships/image" Target="../media/image80.png"/><Relationship Id="rId13" Type="http://schemas.openxmlformats.org/officeDocument/2006/relationships/image" Target="../media/image85.png"/><Relationship Id="rId18" Type="http://schemas.openxmlformats.org/officeDocument/2006/relationships/image" Target="../media/image90.png"/><Relationship Id="rId3" Type="http://schemas.openxmlformats.org/officeDocument/2006/relationships/slideLayout" Target="../slideLayouts/slideLayout3.xml"/><Relationship Id="rId7" Type="http://schemas.openxmlformats.org/officeDocument/2006/relationships/image" Target="../media/image79.svg"/><Relationship Id="rId12" Type="http://schemas.openxmlformats.org/officeDocument/2006/relationships/image" Target="../media/image84.png"/><Relationship Id="rId17" Type="http://schemas.openxmlformats.org/officeDocument/2006/relationships/image" Target="../media/image89.png"/><Relationship Id="rId2" Type="http://schemas.openxmlformats.org/officeDocument/2006/relationships/tags" Target="../tags/tag24.xml"/><Relationship Id="rId16" Type="http://schemas.openxmlformats.org/officeDocument/2006/relationships/image" Target="../media/image88.png"/><Relationship Id="rId1" Type="http://schemas.openxmlformats.org/officeDocument/2006/relationships/tags" Target="../tags/tag23.xml"/><Relationship Id="rId6" Type="http://schemas.openxmlformats.org/officeDocument/2006/relationships/image" Target="../media/image78.png"/><Relationship Id="rId11" Type="http://schemas.openxmlformats.org/officeDocument/2006/relationships/image" Target="../media/image83.svg"/><Relationship Id="rId5" Type="http://schemas.openxmlformats.org/officeDocument/2006/relationships/image" Target="../media/image77.png"/><Relationship Id="rId15" Type="http://schemas.openxmlformats.org/officeDocument/2006/relationships/image" Target="../media/image87.png"/><Relationship Id="rId10" Type="http://schemas.openxmlformats.org/officeDocument/2006/relationships/image" Target="../media/image82.png"/><Relationship Id="rId19" Type="http://schemas.openxmlformats.org/officeDocument/2006/relationships/image" Target="../media/image91.png"/><Relationship Id="rId4" Type="http://schemas.openxmlformats.org/officeDocument/2006/relationships/notesSlide" Target="../notesSlides/notesSlide7.xml"/><Relationship Id="rId9" Type="http://schemas.openxmlformats.org/officeDocument/2006/relationships/image" Target="../media/image81.svg"/><Relationship Id="rId14" Type="http://schemas.openxmlformats.org/officeDocument/2006/relationships/image" Target="../media/image86.pn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4.xml"/><Relationship Id="rId1" Type="http://schemas.openxmlformats.org/officeDocument/2006/relationships/tags" Target="../tags/tag25.xml"/><Relationship Id="rId6" Type="http://schemas.openxmlformats.org/officeDocument/2006/relationships/image" Target="../media/image94.png"/><Relationship Id="rId5" Type="http://schemas.openxmlformats.org/officeDocument/2006/relationships/image" Target="../media/image93.png"/><Relationship Id="rId4" Type="http://schemas.openxmlformats.org/officeDocument/2006/relationships/image" Target="../media/image92.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20.xml"/><Relationship Id="rId1" Type="http://schemas.openxmlformats.org/officeDocument/2006/relationships/tags" Target="../tags/tag26.xml"/><Relationship Id="rId5" Type="http://schemas.openxmlformats.org/officeDocument/2006/relationships/image" Target="../media/image96.png"/><Relationship Id="rId4" Type="http://schemas.openxmlformats.org/officeDocument/2006/relationships/image" Target="../media/image95.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58124D6D-3C69-4122-87CA-14DE01FE827E}"/>
              </a:ext>
            </a:extLst>
          </p:cNvPr>
          <p:cNvPicPr>
            <a:picLocks noChangeAspect="1"/>
          </p:cNvPicPr>
          <p:nvPr/>
        </p:nvPicPr>
        <p:blipFill>
          <a:blip r:embed="rId4"/>
          <a:stretch>
            <a:fillRect/>
          </a:stretch>
        </p:blipFill>
        <p:spPr>
          <a:xfrm>
            <a:off x="0" y="-11496"/>
            <a:ext cx="12192000" cy="6869496"/>
          </a:xfrm>
          <a:prstGeom prst="rect">
            <a:avLst/>
          </a:prstGeom>
        </p:spPr>
      </p:pic>
      <p:sp>
        <p:nvSpPr>
          <p:cNvPr id="12" name="Rectangle 11">
            <a:extLst>
              <a:ext uri="{FF2B5EF4-FFF2-40B4-BE49-F238E27FC236}">
                <a16:creationId xmlns:a16="http://schemas.microsoft.com/office/drawing/2014/main" id="{49E23DDC-CD1D-4702-8986-C362182B41A0}"/>
              </a:ext>
            </a:extLst>
          </p:cNvPr>
          <p:cNvSpPr/>
          <p:nvPr/>
        </p:nvSpPr>
        <p:spPr>
          <a:xfrm>
            <a:off x="1" y="0"/>
            <a:ext cx="12191999" cy="6869496"/>
          </a:xfrm>
          <a:prstGeom prst="rect">
            <a:avLst/>
          </a:prstGeom>
          <a:gradFill flip="none" rotWithShape="1">
            <a:gsLst>
              <a:gs pos="0">
                <a:schemeClr val="accent2">
                  <a:alpha val="60000"/>
                </a:schemeClr>
              </a:gs>
              <a:gs pos="56000">
                <a:schemeClr val="accent2">
                  <a:alpha val="0"/>
                </a:schemeClr>
              </a:gs>
            </a:gsLst>
            <a:lin ang="27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Title 2">
            <a:extLst>
              <a:ext uri="{FF2B5EF4-FFF2-40B4-BE49-F238E27FC236}">
                <a16:creationId xmlns:a16="http://schemas.microsoft.com/office/drawing/2014/main" id="{C899881A-963F-41CD-AA71-764FA77BFFF9}"/>
              </a:ext>
            </a:extLst>
          </p:cNvPr>
          <p:cNvSpPr>
            <a:spLocks noGrp="1"/>
          </p:cNvSpPr>
          <p:nvPr>
            <p:ph type="ctrTitle"/>
          </p:nvPr>
        </p:nvSpPr>
        <p:spPr>
          <a:xfrm>
            <a:off x="457374" y="2363075"/>
            <a:ext cx="10228376" cy="2352858"/>
          </a:xfrm>
        </p:spPr>
        <p:txBody>
          <a:bodyPr/>
          <a:lstStyle/>
          <a:p>
            <a:r>
              <a:rPr lang="en-GB" dirty="0"/>
              <a:t>PŘEMÝŠLEJME</a:t>
            </a:r>
            <a:br>
              <a:rPr lang="da-DK" dirty="0"/>
            </a:br>
            <a:r>
              <a:rPr lang="en-GB" b="0" dirty="0"/>
              <a:t>JAK SE MĚNÍ ŽIVOT VE MĚSTECH</a:t>
            </a:r>
            <a:br>
              <a:rPr lang="da-DK" b="0" dirty="0"/>
            </a:br>
            <a:r>
              <a:rPr lang="en-GB" sz="1600" b="0" dirty="0">
                <a:latin typeface="Open Sans Extrabold" panose="020B0906030804020204" pitchFamily="34" charset="0"/>
                <a:ea typeface="Open Sans Extrabold" panose="020B0906030804020204" pitchFamily="34" charset="0"/>
                <a:cs typeface="Open Sans Extrabold" panose="020B0906030804020204" pitchFamily="34" charset="0"/>
              </a:rPr>
              <a:t>CONNECTED VIDEO TECHNOLOGY FOR SAFE CITIES</a:t>
            </a:r>
            <a:endParaRPr lang="en-GB" dirty="0"/>
          </a:p>
        </p:txBody>
      </p:sp>
      <p:sp>
        <p:nvSpPr>
          <p:cNvPr id="4" name="Subtitle 3">
            <a:extLst>
              <a:ext uri="{FF2B5EF4-FFF2-40B4-BE49-F238E27FC236}">
                <a16:creationId xmlns:a16="http://schemas.microsoft.com/office/drawing/2014/main" id="{3FDDDEFC-441E-401D-B88B-84189591F8D8}"/>
              </a:ext>
            </a:extLst>
          </p:cNvPr>
          <p:cNvSpPr>
            <a:spLocks noGrp="1"/>
          </p:cNvSpPr>
          <p:nvPr>
            <p:ph type="subTitle" idx="1"/>
          </p:nvPr>
        </p:nvSpPr>
        <p:spPr>
          <a:xfrm>
            <a:off x="457374" y="4960387"/>
            <a:ext cx="11620325" cy="1138767"/>
          </a:xfrm>
        </p:spPr>
        <p:txBody>
          <a:bodyPr>
            <a:noAutofit/>
          </a:bodyPr>
          <a:lstStyle/>
          <a:p>
            <a:r>
              <a:rPr lang="en-GB" sz="3600" dirty="0">
                <a:solidFill>
                  <a:schemeClr val="bg1"/>
                </a:solidFill>
              </a:rPr>
              <a:t>Milestone – </a:t>
            </a:r>
            <a:r>
              <a:rPr lang="en-GB" sz="3600" dirty="0" err="1">
                <a:solidFill>
                  <a:schemeClr val="bg1"/>
                </a:solidFill>
              </a:rPr>
              <a:t>Kontaktní</a:t>
            </a:r>
            <a:r>
              <a:rPr lang="en-GB" sz="3600" dirty="0">
                <a:solidFill>
                  <a:schemeClr val="bg1"/>
                </a:solidFill>
              </a:rPr>
              <a:t> den </a:t>
            </a:r>
            <a:r>
              <a:rPr lang="en-GB" sz="3600" dirty="0" err="1">
                <a:solidFill>
                  <a:schemeClr val="bg1"/>
                </a:solidFill>
              </a:rPr>
              <a:t>starostů</a:t>
            </a:r>
            <a:r>
              <a:rPr lang="en-GB" sz="3600" dirty="0">
                <a:solidFill>
                  <a:schemeClr val="bg1"/>
                </a:solidFill>
              </a:rPr>
              <a:t> </a:t>
            </a:r>
            <a:r>
              <a:rPr lang="en-GB" sz="3600" dirty="0" err="1">
                <a:solidFill>
                  <a:schemeClr val="bg1"/>
                </a:solidFill>
              </a:rPr>
              <a:t>Žofín</a:t>
            </a:r>
            <a:r>
              <a:rPr lang="en-GB" sz="3600" dirty="0">
                <a:solidFill>
                  <a:schemeClr val="bg1"/>
                </a:solidFill>
              </a:rPr>
              <a:t>– 16.6.2022</a:t>
            </a:r>
          </a:p>
          <a:p>
            <a:pPr>
              <a:buNone/>
            </a:pPr>
            <a:r>
              <a:rPr lang="en-GB" sz="3600" dirty="0">
                <a:solidFill>
                  <a:schemeClr val="bg1"/>
                </a:solidFill>
              </a:rPr>
              <a:t>Daniel Korbel – </a:t>
            </a:r>
            <a:r>
              <a:rPr lang="en-GB" sz="3600" dirty="0" err="1">
                <a:solidFill>
                  <a:schemeClr val="bg1"/>
                </a:solidFill>
              </a:rPr>
              <a:t>zástupce</a:t>
            </a:r>
            <a:r>
              <a:rPr lang="en-GB" sz="3600" dirty="0">
                <a:solidFill>
                  <a:schemeClr val="bg1"/>
                </a:solidFill>
              </a:rPr>
              <a:t> pro ČR</a:t>
            </a:r>
          </a:p>
        </p:txBody>
      </p:sp>
      <p:sp>
        <p:nvSpPr>
          <p:cNvPr id="5" name="Footer Placeholder 4">
            <a:extLst>
              <a:ext uri="{FF2B5EF4-FFF2-40B4-BE49-F238E27FC236}">
                <a16:creationId xmlns:a16="http://schemas.microsoft.com/office/drawing/2014/main" id="{3D679C7B-BB3C-4018-A5CF-B8126C3CC86A}"/>
              </a:ext>
            </a:extLst>
          </p:cNvPr>
          <p:cNvSpPr>
            <a:spLocks noGrp="1"/>
          </p:cNvSpPr>
          <p:nvPr>
            <p:ph type="ftr" sz="quarter" idx="20"/>
          </p:nvPr>
        </p:nvSpPr>
        <p:spPr/>
        <p:txBody>
          <a:bodyPr/>
          <a:lstStyle/>
          <a:p>
            <a:endParaRPr lang="en-GB"/>
          </a:p>
        </p:txBody>
      </p:sp>
      <p:sp>
        <p:nvSpPr>
          <p:cNvPr id="6" name="Text Placeholder 5">
            <a:extLst>
              <a:ext uri="{FF2B5EF4-FFF2-40B4-BE49-F238E27FC236}">
                <a16:creationId xmlns:a16="http://schemas.microsoft.com/office/drawing/2014/main" id="{6D23CF0D-C045-4A67-9D7F-D40770909B27}"/>
              </a:ext>
            </a:extLst>
          </p:cNvPr>
          <p:cNvSpPr>
            <a:spLocks noGrp="1"/>
          </p:cNvSpPr>
          <p:nvPr>
            <p:ph type="body" sz="quarter" idx="14"/>
          </p:nvPr>
        </p:nvSpPr>
        <p:spPr/>
        <p:txBody>
          <a:bodyPr/>
          <a:lstStyle/>
          <a:p>
            <a:endParaRPr lang="en-GB" dirty="0"/>
          </a:p>
        </p:txBody>
      </p:sp>
      <p:sp>
        <p:nvSpPr>
          <p:cNvPr id="8" name="Text Placeholder 7">
            <a:extLst>
              <a:ext uri="{FF2B5EF4-FFF2-40B4-BE49-F238E27FC236}">
                <a16:creationId xmlns:a16="http://schemas.microsoft.com/office/drawing/2014/main" id="{6C5132FF-9442-48C9-AFA2-232647055082}"/>
              </a:ext>
            </a:extLst>
          </p:cNvPr>
          <p:cNvSpPr>
            <a:spLocks noGrp="1"/>
          </p:cNvSpPr>
          <p:nvPr>
            <p:ph type="body" sz="quarter" idx="23"/>
          </p:nvPr>
        </p:nvSpPr>
        <p:spPr/>
        <p:txBody>
          <a:bodyPr/>
          <a:lstStyle/>
          <a:p>
            <a:endParaRPr lang="en-GB"/>
          </a:p>
        </p:txBody>
      </p:sp>
    </p:spTree>
    <p:custDataLst>
      <p:tags r:id="rId1"/>
    </p:custDataLst>
    <p:extLst>
      <p:ext uri="{BB962C8B-B14F-4D97-AF65-F5344CB8AC3E}">
        <p14:creationId xmlns:p14="http://schemas.microsoft.com/office/powerpoint/2010/main" val="264090257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icture containing swimming, sky, water sport, sport&#10;&#10;Description automatically generated">
            <a:extLst>
              <a:ext uri="{FF2B5EF4-FFF2-40B4-BE49-F238E27FC236}">
                <a16:creationId xmlns:a16="http://schemas.microsoft.com/office/drawing/2014/main" id="{C0FEF29B-3252-4FDB-BA35-52E49E89F15D}"/>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6308202" y="0"/>
            <a:ext cx="5883797" cy="6858000"/>
          </a:xfrm>
          <a:prstGeom prst="rect">
            <a:avLst/>
          </a:prstGeom>
        </p:spPr>
      </p:pic>
      <p:sp>
        <p:nvSpPr>
          <p:cNvPr id="8" name="Titel 7"/>
          <p:cNvSpPr>
            <a:spLocks noGrp="1"/>
          </p:cNvSpPr>
          <p:nvPr>
            <p:ph type="title"/>
          </p:nvPr>
        </p:nvSpPr>
        <p:spPr/>
        <p:txBody>
          <a:bodyPr/>
          <a:lstStyle/>
          <a:p>
            <a:r>
              <a:rPr lang="en-GB" dirty="0"/>
              <a:t>GDPR-ready </a:t>
            </a:r>
            <a:r>
              <a:rPr lang="en-GB" dirty="0" err="1"/>
              <a:t>certifikát</a:t>
            </a:r>
            <a:endParaRPr lang="en-GB" dirty="0"/>
          </a:p>
        </p:txBody>
      </p:sp>
      <p:sp>
        <p:nvSpPr>
          <p:cNvPr id="9" name="Pladsholder til tekst 8"/>
          <p:cNvSpPr>
            <a:spLocks noGrp="1"/>
          </p:cNvSpPr>
          <p:nvPr>
            <p:ph type="body" sz="quarter" idx="14"/>
          </p:nvPr>
        </p:nvSpPr>
        <p:spPr/>
        <p:txBody>
          <a:bodyPr/>
          <a:lstStyle/>
          <a:p>
            <a:endParaRPr lang="en-GB"/>
          </a:p>
        </p:txBody>
      </p:sp>
      <p:sp>
        <p:nvSpPr>
          <p:cNvPr id="7" name="Rectangle 6">
            <a:extLst>
              <a:ext uri="{FF2B5EF4-FFF2-40B4-BE49-F238E27FC236}">
                <a16:creationId xmlns:a16="http://schemas.microsoft.com/office/drawing/2014/main" id="{70A1E761-4A4C-4682-8855-D68A96830BCD}"/>
              </a:ext>
            </a:extLst>
          </p:cNvPr>
          <p:cNvSpPr>
            <a:spLocks/>
          </p:cNvSpPr>
          <p:nvPr/>
        </p:nvSpPr>
        <p:spPr>
          <a:xfrm>
            <a:off x="212778" y="3685737"/>
            <a:ext cx="5337122" cy="1754326"/>
          </a:xfrm>
          <a:prstGeom prst="rect">
            <a:avLst/>
          </a:prstGeom>
        </p:spPr>
        <p:txBody>
          <a:bodyPr wrap="square" lIns="91440" tIns="45720" rIns="91440" bIns="45720" anchor="t">
            <a:spAutoFit/>
          </a:bodyPr>
          <a:lstStyle/>
          <a:p>
            <a:pPr marL="180975"/>
            <a:r>
              <a:rPr lang="en-GB" dirty="0"/>
              <a:t>Milestone XProtect® Corporate </a:t>
            </a:r>
            <a:r>
              <a:rPr lang="en-GB" dirty="0" err="1"/>
              <a:t>byl</a:t>
            </a:r>
            <a:r>
              <a:rPr lang="en-GB" dirty="0"/>
              <a:t> </a:t>
            </a:r>
            <a:r>
              <a:rPr lang="en-GB" dirty="0" err="1"/>
              <a:t>přidán</a:t>
            </a:r>
            <a:r>
              <a:rPr lang="en-GB" dirty="0"/>
              <a:t> do </a:t>
            </a:r>
            <a:r>
              <a:rPr lang="en-GB" dirty="0" err="1"/>
              <a:t>seznamu</a:t>
            </a:r>
            <a:r>
              <a:rPr lang="en-GB" dirty="0"/>
              <a:t> </a:t>
            </a:r>
            <a:r>
              <a:rPr lang="en-GB" dirty="0" err="1"/>
              <a:t>produktů</a:t>
            </a:r>
            <a:r>
              <a:rPr lang="en-GB" dirty="0"/>
              <a:t> </a:t>
            </a:r>
            <a:r>
              <a:rPr lang="en-GB" dirty="0" err="1"/>
              <a:t>které</a:t>
            </a:r>
            <a:r>
              <a:rPr lang="en-GB" dirty="0"/>
              <a:t> </a:t>
            </a:r>
            <a:r>
              <a:rPr lang="en-GB" dirty="0" err="1"/>
              <a:t>získaly</a:t>
            </a:r>
            <a:r>
              <a:rPr lang="en-GB" dirty="0"/>
              <a:t> </a:t>
            </a:r>
            <a:r>
              <a:rPr lang="en-GB" dirty="0" err="1"/>
              <a:t>certifikaci</a:t>
            </a:r>
            <a:r>
              <a:rPr lang="en-GB" dirty="0"/>
              <a:t> </a:t>
            </a:r>
            <a:r>
              <a:rPr lang="en-GB" dirty="0" err="1"/>
              <a:t>EuroPriSe</a:t>
            </a:r>
            <a:r>
              <a:rPr lang="en-GB" dirty="0"/>
              <a:t> GDPR-ready.</a:t>
            </a:r>
          </a:p>
          <a:p>
            <a:pPr marL="180975"/>
            <a:endParaRPr lang="en-GB" dirty="0"/>
          </a:p>
          <a:p>
            <a:pPr marL="180975"/>
            <a:r>
              <a:rPr lang="en-GB" u="sng" dirty="0"/>
              <a:t>https://</a:t>
            </a:r>
            <a:r>
              <a:rPr lang="en-GB" u="sng" dirty="0" err="1"/>
              <a:t>www.euprivacyseal.com</a:t>
            </a:r>
            <a:r>
              <a:rPr lang="en-GB" u="sng" dirty="0"/>
              <a:t>/eps-</a:t>
            </a:r>
            <a:r>
              <a:rPr lang="en-GB" u="sng" dirty="0" err="1"/>
              <a:t>en</a:t>
            </a:r>
            <a:r>
              <a:rPr lang="en-GB" u="sng" dirty="0"/>
              <a:t>/milestone-</a:t>
            </a:r>
            <a:r>
              <a:rPr lang="en-GB" u="sng" dirty="0" err="1"/>
              <a:t>xprotect</a:t>
            </a:r>
            <a:r>
              <a:rPr lang="en-GB" u="sng" dirty="0"/>
              <a:t>-corporate</a:t>
            </a:r>
            <a:endParaRPr lang="en-GB" u="sng" dirty="0">
              <a:ea typeface="Open Sans"/>
              <a:cs typeface="Open Sans"/>
            </a:endParaRPr>
          </a:p>
        </p:txBody>
      </p:sp>
      <p:sp>
        <p:nvSpPr>
          <p:cNvPr id="5" name="Footer Placeholder 4">
            <a:extLst>
              <a:ext uri="{FF2B5EF4-FFF2-40B4-BE49-F238E27FC236}">
                <a16:creationId xmlns:a16="http://schemas.microsoft.com/office/drawing/2014/main" id="{61D04EF0-AE1F-495F-8AF2-9FE944BC1267}"/>
              </a:ext>
            </a:extLst>
          </p:cNvPr>
          <p:cNvSpPr>
            <a:spLocks noGrp="1"/>
          </p:cNvSpPr>
          <p:nvPr>
            <p:ph type="ftr" sz="quarter" idx="21"/>
          </p:nvPr>
        </p:nvSpPr>
        <p:spPr/>
        <p:txBody>
          <a:bodyPr/>
          <a:lstStyle/>
          <a:p>
            <a:endParaRPr lang="en-GB"/>
          </a:p>
        </p:txBody>
      </p:sp>
      <p:pic>
        <p:nvPicPr>
          <p:cNvPr id="11" name="Picture 10" descr="A picture containing logo&#10;&#10;Description automatically generated">
            <a:extLst>
              <a:ext uri="{FF2B5EF4-FFF2-40B4-BE49-F238E27FC236}">
                <a16:creationId xmlns:a16="http://schemas.microsoft.com/office/drawing/2014/main" id="{AA30945B-36B0-44C9-BE35-00B56051E337}"/>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444500" y="2043990"/>
            <a:ext cx="3016722" cy="1233087"/>
          </a:xfrm>
          <a:prstGeom prst="rect">
            <a:avLst/>
          </a:prstGeom>
        </p:spPr>
      </p:pic>
    </p:spTree>
    <p:custDataLst>
      <p:tags r:id="rId1"/>
    </p:custDataLst>
    <p:extLst>
      <p:ext uri="{BB962C8B-B14F-4D97-AF65-F5344CB8AC3E}">
        <p14:creationId xmlns:p14="http://schemas.microsoft.com/office/powerpoint/2010/main" val="306015042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Graphical user interface&#10;&#10;Description automatically generated">
            <a:extLst>
              <a:ext uri="{FF2B5EF4-FFF2-40B4-BE49-F238E27FC236}">
                <a16:creationId xmlns:a16="http://schemas.microsoft.com/office/drawing/2014/main" id="{BA105E6C-4602-4495-8E51-B4B578164D75}"/>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0" y="-1"/>
            <a:ext cx="12192000" cy="6858001"/>
          </a:xfrm>
          <a:prstGeom prst="rect">
            <a:avLst/>
          </a:prstGeom>
        </p:spPr>
      </p:pic>
      <p:sp>
        <p:nvSpPr>
          <p:cNvPr id="9" name="Rectangle 8">
            <a:extLst>
              <a:ext uri="{FF2B5EF4-FFF2-40B4-BE49-F238E27FC236}">
                <a16:creationId xmlns:a16="http://schemas.microsoft.com/office/drawing/2014/main" id="{C4FCB97A-703B-48EA-9EB7-E9DD036289EE}"/>
              </a:ext>
            </a:extLst>
          </p:cNvPr>
          <p:cNvSpPr/>
          <p:nvPr/>
        </p:nvSpPr>
        <p:spPr>
          <a:xfrm>
            <a:off x="1850" y="-1"/>
            <a:ext cx="11720008" cy="6858000"/>
          </a:xfrm>
          <a:prstGeom prst="rect">
            <a:avLst/>
          </a:prstGeom>
          <a:gradFill flip="none" rotWithShape="1">
            <a:gsLst>
              <a:gs pos="24000">
                <a:schemeClr val="accent2"/>
              </a:gs>
              <a:gs pos="60000">
                <a:schemeClr val="accent2">
                  <a:alpha val="0"/>
                </a:schemeClr>
              </a:gs>
            </a:gsLst>
            <a:lin ang="30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Footer Placeholder 2">
            <a:extLst>
              <a:ext uri="{FF2B5EF4-FFF2-40B4-BE49-F238E27FC236}">
                <a16:creationId xmlns:a16="http://schemas.microsoft.com/office/drawing/2014/main" id="{E8711295-64E8-4F99-909C-458BF87AFBA2}"/>
              </a:ext>
            </a:extLst>
          </p:cNvPr>
          <p:cNvSpPr>
            <a:spLocks noGrp="1"/>
          </p:cNvSpPr>
          <p:nvPr>
            <p:ph type="ftr" sz="quarter" idx="24"/>
          </p:nvPr>
        </p:nvSpPr>
        <p:spPr/>
        <p:txBody>
          <a:bodyPr/>
          <a:lstStyle/>
          <a:p>
            <a:endParaRPr lang="en-GB"/>
          </a:p>
        </p:txBody>
      </p:sp>
      <p:sp>
        <p:nvSpPr>
          <p:cNvPr id="4" name="Text Placeholder 3">
            <a:extLst>
              <a:ext uri="{FF2B5EF4-FFF2-40B4-BE49-F238E27FC236}">
                <a16:creationId xmlns:a16="http://schemas.microsoft.com/office/drawing/2014/main" id="{E8544400-05A6-4DF0-98CC-F72F3843C15F}"/>
              </a:ext>
            </a:extLst>
          </p:cNvPr>
          <p:cNvSpPr>
            <a:spLocks noGrp="1"/>
          </p:cNvSpPr>
          <p:nvPr>
            <p:ph type="body" sz="quarter" idx="26"/>
          </p:nvPr>
        </p:nvSpPr>
        <p:spPr/>
        <p:txBody>
          <a:bodyPr/>
          <a:lstStyle/>
          <a:p>
            <a:endParaRPr lang="en-GB"/>
          </a:p>
        </p:txBody>
      </p:sp>
      <p:sp>
        <p:nvSpPr>
          <p:cNvPr id="31" name="TextBox 30">
            <a:extLst>
              <a:ext uri="{FF2B5EF4-FFF2-40B4-BE49-F238E27FC236}">
                <a16:creationId xmlns:a16="http://schemas.microsoft.com/office/drawing/2014/main" id="{B55C9DFA-6CB5-4416-94F8-99088059B9C7}"/>
              </a:ext>
            </a:extLst>
          </p:cNvPr>
          <p:cNvSpPr txBox="1"/>
          <p:nvPr/>
        </p:nvSpPr>
        <p:spPr>
          <a:xfrm>
            <a:off x="756435" y="445609"/>
            <a:ext cx="5555465" cy="2246769"/>
          </a:xfrm>
          <a:prstGeom prst="rect">
            <a:avLst/>
          </a:prstGeom>
          <a:noFill/>
        </p:spPr>
        <p:txBody>
          <a:bodyPr wrap="square" lIns="91440" tIns="45720" rIns="91440" bIns="45720" rtlCol="0" anchor="t">
            <a:spAutoFit/>
          </a:bodyPr>
          <a:lstStyle/>
          <a:p>
            <a:pPr lvl="0">
              <a:defRPr/>
            </a:pPr>
            <a:r>
              <a:rPr lang="en-GB" sz="2800" dirty="0">
                <a:solidFill>
                  <a:schemeClr val="bg1"/>
                </a:solidFill>
                <a:latin typeface="Open Sans Extrabold"/>
                <a:ea typeface="Open Sans Extrabold"/>
                <a:cs typeface="Open Sans Extrabold"/>
              </a:rPr>
              <a:t>XProtect – </a:t>
            </a:r>
            <a:r>
              <a:rPr lang="en-GB" sz="2800" dirty="0" err="1">
                <a:solidFill>
                  <a:schemeClr val="bg1"/>
                </a:solidFill>
                <a:latin typeface="Open Sans Extrabold"/>
                <a:ea typeface="Open Sans Extrabold"/>
                <a:cs typeface="Open Sans Extrabold"/>
              </a:rPr>
              <a:t>srdce</a:t>
            </a:r>
            <a:r>
              <a:rPr lang="en-GB" sz="2800" dirty="0">
                <a:solidFill>
                  <a:schemeClr val="bg1"/>
                </a:solidFill>
                <a:latin typeface="Open Sans Extrabold"/>
                <a:ea typeface="Open Sans Extrabold"/>
                <a:cs typeface="Open Sans Extrabold"/>
              </a:rPr>
              <a:t> </a:t>
            </a:r>
            <a:r>
              <a:rPr lang="en-GB" sz="2800" dirty="0" err="1">
                <a:solidFill>
                  <a:schemeClr val="bg1"/>
                </a:solidFill>
                <a:latin typeface="Open Sans Extrabold"/>
                <a:ea typeface="Open Sans Extrabold"/>
                <a:cs typeface="Open Sans Extrabold"/>
              </a:rPr>
              <a:t>inteligentního</a:t>
            </a:r>
            <a:r>
              <a:rPr lang="en-GB" sz="2800" dirty="0">
                <a:solidFill>
                  <a:schemeClr val="bg1"/>
                </a:solidFill>
                <a:latin typeface="Open Sans Extrabold"/>
                <a:ea typeface="Open Sans Extrabold"/>
                <a:cs typeface="Open Sans Extrabold"/>
              </a:rPr>
              <a:t> </a:t>
            </a:r>
            <a:r>
              <a:rPr lang="en-GB" sz="2800" dirty="0" err="1">
                <a:solidFill>
                  <a:schemeClr val="bg1"/>
                </a:solidFill>
                <a:latin typeface="Open Sans Extrabold"/>
                <a:ea typeface="Open Sans Extrabold"/>
                <a:cs typeface="Open Sans Extrabold"/>
              </a:rPr>
              <a:t>řízení</a:t>
            </a:r>
            <a:endParaRPr lang="en-GB" sz="2800" dirty="0">
              <a:solidFill>
                <a:schemeClr val="bg1"/>
              </a:solidFill>
              <a:latin typeface="Open Sans Extrabold"/>
              <a:ea typeface="Open Sans Extrabold"/>
              <a:cs typeface="Open Sans Extrabold"/>
            </a:endParaRPr>
          </a:p>
          <a:p>
            <a:pPr lvl="0">
              <a:defRPr/>
            </a:pPr>
            <a:r>
              <a:rPr lang="en-GB" sz="2800" dirty="0" err="1">
                <a:solidFill>
                  <a:schemeClr val="bg1"/>
                </a:solidFill>
                <a:latin typeface="Open Sans Light"/>
                <a:ea typeface="Open Sans Light"/>
                <a:cs typeface="Open Sans Light"/>
              </a:rPr>
              <a:t>Spravujte</a:t>
            </a:r>
            <a:r>
              <a:rPr lang="en-GB" sz="2800" dirty="0">
                <a:solidFill>
                  <a:schemeClr val="bg1"/>
                </a:solidFill>
                <a:latin typeface="Open Sans Light"/>
                <a:ea typeface="Open Sans Light"/>
                <a:cs typeface="Open Sans Light"/>
              </a:rPr>
              <a:t> </a:t>
            </a:r>
            <a:r>
              <a:rPr lang="en-GB" sz="2800" dirty="0" err="1">
                <a:solidFill>
                  <a:schemeClr val="bg1"/>
                </a:solidFill>
                <a:latin typeface="Open Sans Light"/>
                <a:ea typeface="Open Sans Light"/>
                <a:cs typeface="Open Sans Light"/>
              </a:rPr>
              <a:t>všechny</a:t>
            </a:r>
            <a:r>
              <a:rPr lang="en-GB" sz="2800" dirty="0">
                <a:solidFill>
                  <a:schemeClr val="bg1"/>
                </a:solidFill>
                <a:latin typeface="Open Sans Light"/>
                <a:ea typeface="Open Sans Light"/>
                <a:cs typeface="Open Sans Light"/>
              </a:rPr>
              <a:t> </a:t>
            </a:r>
            <a:r>
              <a:rPr lang="en-GB" sz="2800" dirty="0" err="1">
                <a:solidFill>
                  <a:schemeClr val="bg1"/>
                </a:solidFill>
                <a:latin typeface="Open Sans Light"/>
                <a:ea typeface="Open Sans Light"/>
                <a:cs typeface="Open Sans Light"/>
              </a:rPr>
              <a:t>operace</a:t>
            </a:r>
            <a:r>
              <a:rPr lang="en-GB" sz="2800" dirty="0">
                <a:solidFill>
                  <a:schemeClr val="bg1"/>
                </a:solidFill>
                <a:latin typeface="Open Sans Light"/>
                <a:ea typeface="Open Sans Light"/>
                <a:cs typeface="Open Sans Light"/>
              </a:rPr>
              <a:t> po </a:t>
            </a:r>
            <a:r>
              <a:rPr lang="en-GB" sz="2800" dirty="0" err="1">
                <a:solidFill>
                  <a:schemeClr val="bg1"/>
                </a:solidFill>
                <a:latin typeface="Open Sans Light"/>
                <a:ea typeface="Open Sans Light"/>
                <a:cs typeface="Open Sans Light"/>
              </a:rPr>
              <a:t>celém</a:t>
            </a:r>
            <a:r>
              <a:rPr lang="en-GB" sz="2800" dirty="0">
                <a:solidFill>
                  <a:schemeClr val="bg1"/>
                </a:solidFill>
                <a:latin typeface="Open Sans Light"/>
                <a:ea typeface="Open Sans Light"/>
                <a:cs typeface="Open Sans Light"/>
              </a:rPr>
              <a:t> </a:t>
            </a:r>
            <a:r>
              <a:rPr lang="en-GB" sz="2800" dirty="0" err="1">
                <a:solidFill>
                  <a:schemeClr val="bg1"/>
                </a:solidFill>
                <a:latin typeface="Open Sans Light"/>
                <a:ea typeface="Open Sans Light"/>
                <a:cs typeface="Open Sans Light"/>
              </a:rPr>
              <a:t>městě</a:t>
            </a:r>
            <a:r>
              <a:rPr lang="en-GB" sz="2800" dirty="0">
                <a:solidFill>
                  <a:schemeClr val="bg1"/>
                </a:solidFill>
                <a:latin typeface="Open Sans Light"/>
                <a:ea typeface="Open Sans Light"/>
                <a:cs typeface="Open Sans Light"/>
              </a:rPr>
              <a:t> </a:t>
            </a:r>
            <a:r>
              <a:rPr lang="en-GB" sz="2800" dirty="0" err="1">
                <a:solidFill>
                  <a:schemeClr val="bg1"/>
                </a:solidFill>
                <a:latin typeface="Open Sans Light"/>
                <a:ea typeface="Open Sans Light"/>
                <a:cs typeface="Open Sans Light"/>
              </a:rPr>
              <a:t>centrálně</a:t>
            </a:r>
            <a:r>
              <a:rPr lang="en-GB" sz="2800" dirty="0">
                <a:solidFill>
                  <a:schemeClr val="bg1"/>
                </a:solidFill>
                <a:latin typeface="Open Sans Light"/>
                <a:ea typeface="Open Sans Light"/>
                <a:cs typeface="Open Sans Light"/>
              </a:rPr>
              <a:t> v </a:t>
            </a:r>
            <a:r>
              <a:rPr lang="en-GB" sz="2800" dirty="0" err="1">
                <a:solidFill>
                  <a:schemeClr val="bg1"/>
                </a:solidFill>
                <a:latin typeface="Open Sans Light"/>
                <a:ea typeface="Open Sans Light"/>
                <a:cs typeface="Open Sans Light"/>
              </a:rPr>
              <a:t>jednom</a:t>
            </a:r>
            <a:r>
              <a:rPr lang="en-GB" sz="2800" dirty="0">
                <a:solidFill>
                  <a:schemeClr val="bg1"/>
                </a:solidFill>
                <a:latin typeface="Open Sans Light"/>
                <a:ea typeface="Open Sans Light"/>
                <a:cs typeface="Open Sans Light"/>
              </a:rPr>
              <a:t> </a:t>
            </a:r>
            <a:r>
              <a:rPr lang="en-GB" sz="2800" dirty="0" err="1">
                <a:solidFill>
                  <a:schemeClr val="bg1"/>
                </a:solidFill>
                <a:latin typeface="Open Sans Light"/>
                <a:ea typeface="Open Sans Light"/>
                <a:cs typeface="Open Sans Light"/>
              </a:rPr>
              <a:t>rozhraní</a:t>
            </a:r>
            <a:endParaRPr lang="en-GB" dirty="0"/>
          </a:p>
        </p:txBody>
      </p:sp>
      <p:sp>
        <p:nvSpPr>
          <p:cNvPr id="32" name="Freeform: Shape 31">
            <a:extLst>
              <a:ext uri="{FF2B5EF4-FFF2-40B4-BE49-F238E27FC236}">
                <a16:creationId xmlns:a16="http://schemas.microsoft.com/office/drawing/2014/main" id="{1C267032-F597-4AC4-90E8-D6E5E7DC5017}"/>
              </a:ext>
            </a:extLst>
          </p:cNvPr>
          <p:cNvSpPr/>
          <p:nvPr/>
        </p:nvSpPr>
        <p:spPr>
          <a:xfrm rot="8100000">
            <a:off x="438251" y="588364"/>
            <a:ext cx="226504" cy="231690"/>
          </a:xfrm>
          <a:custGeom>
            <a:avLst/>
            <a:gdLst>
              <a:gd name="connsiteX0" fmla="*/ 270510 w 270510"/>
              <a:gd name="connsiteY0" fmla="*/ 0 h 276704"/>
              <a:gd name="connsiteX1" fmla="*/ 270510 w 270510"/>
              <a:gd name="connsiteY1" fmla="*/ 91440 h 276704"/>
              <a:gd name="connsiteX2" fmla="*/ 91440 w 270510"/>
              <a:gd name="connsiteY2" fmla="*/ 91440 h 276704"/>
              <a:gd name="connsiteX3" fmla="*/ 91440 w 270510"/>
              <a:gd name="connsiteY3" fmla="*/ 276704 h 276704"/>
              <a:gd name="connsiteX4" fmla="*/ 0 w 270510"/>
              <a:gd name="connsiteY4" fmla="*/ 276704 h 276704"/>
              <a:gd name="connsiteX5" fmla="*/ 0 w 270510"/>
              <a:gd name="connsiteY5" fmla="*/ 10004 h 276704"/>
              <a:gd name="connsiteX6" fmla="*/ 3810 w 270510"/>
              <a:gd name="connsiteY6" fmla="*/ 10004 h 276704"/>
              <a:gd name="connsiteX7" fmla="*/ 3810 w 270510"/>
              <a:gd name="connsiteY7" fmla="*/ 0 h 276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70510" h="276704">
                <a:moveTo>
                  <a:pt x="270510" y="0"/>
                </a:moveTo>
                <a:lnTo>
                  <a:pt x="270510" y="91440"/>
                </a:lnTo>
                <a:lnTo>
                  <a:pt x="91440" y="91440"/>
                </a:lnTo>
                <a:lnTo>
                  <a:pt x="91440" y="276704"/>
                </a:lnTo>
                <a:lnTo>
                  <a:pt x="0" y="276704"/>
                </a:lnTo>
                <a:lnTo>
                  <a:pt x="0" y="10004"/>
                </a:lnTo>
                <a:lnTo>
                  <a:pt x="3810" y="10004"/>
                </a:lnTo>
                <a:lnTo>
                  <a:pt x="3810" y="0"/>
                </a:lnTo>
                <a:close/>
              </a:path>
            </a:pathLst>
          </a:cu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solidFill>
                <a:schemeClr val="bg1"/>
              </a:solidFill>
            </a:endParaRPr>
          </a:p>
        </p:txBody>
      </p:sp>
      <p:grpSp>
        <p:nvGrpSpPr>
          <p:cNvPr id="33" name="Group 32">
            <a:extLst>
              <a:ext uri="{FF2B5EF4-FFF2-40B4-BE49-F238E27FC236}">
                <a16:creationId xmlns:a16="http://schemas.microsoft.com/office/drawing/2014/main" id="{9036F652-DADA-41D8-B022-51AD8FC0D5B1}"/>
              </a:ext>
            </a:extLst>
          </p:cNvPr>
          <p:cNvGrpSpPr/>
          <p:nvPr/>
        </p:nvGrpSpPr>
        <p:grpSpPr>
          <a:xfrm>
            <a:off x="-500659" y="3663618"/>
            <a:ext cx="7425242" cy="357762"/>
            <a:chOff x="-500659" y="3667940"/>
            <a:chExt cx="7425242" cy="357762"/>
          </a:xfrm>
        </p:grpSpPr>
        <p:grpSp>
          <p:nvGrpSpPr>
            <p:cNvPr id="34" name="Group 33">
              <a:extLst>
                <a:ext uri="{FF2B5EF4-FFF2-40B4-BE49-F238E27FC236}">
                  <a16:creationId xmlns:a16="http://schemas.microsoft.com/office/drawing/2014/main" id="{381E584F-3F4A-4F3B-A311-F5969F44A5E7}"/>
                </a:ext>
              </a:extLst>
            </p:cNvPr>
            <p:cNvGrpSpPr/>
            <p:nvPr/>
          </p:nvGrpSpPr>
          <p:grpSpPr>
            <a:xfrm flipH="1">
              <a:off x="-500659" y="3793132"/>
              <a:ext cx="1094036" cy="232570"/>
              <a:chOff x="11048755" y="3561764"/>
              <a:chExt cx="1135624" cy="232570"/>
            </a:xfrm>
          </p:grpSpPr>
          <p:cxnSp>
            <p:nvCxnSpPr>
              <p:cNvPr id="36" name="Straight Connector 35">
                <a:extLst>
                  <a:ext uri="{FF2B5EF4-FFF2-40B4-BE49-F238E27FC236}">
                    <a16:creationId xmlns:a16="http://schemas.microsoft.com/office/drawing/2014/main" id="{9D77591B-AA2D-4D6A-9F54-EBAB046C76D3}"/>
                  </a:ext>
                </a:extLst>
              </p:cNvPr>
              <p:cNvCxnSpPr>
                <a:cxnSpLocks/>
              </p:cNvCxnSpPr>
              <p:nvPr/>
            </p:nvCxnSpPr>
            <p:spPr>
              <a:xfrm flipH="1">
                <a:off x="11174755" y="3677899"/>
                <a:ext cx="1009624"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37" name="Oval 36">
                <a:extLst>
                  <a:ext uri="{FF2B5EF4-FFF2-40B4-BE49-F238E27FC236}">
                    <a16:creationId xmlns:a16="http://schemas.microsoft.com/office/drawing/2014/main" id="{A3FB5928-2A6C-4678-A0D3-4B6EB6854C77}"/>
                  </a:ext>
                </a:extLst>
              </p:cNvPr>
              <p:cNvSpPr/>
              <p:nvPr/>
            </p:nvSpPr>
            <p:spPr>
              <a:xfrm rot="2707757">
                <a:off x="11048752" y="3561767"/>
                <a:ext cx="232570" cy="232564"/>
              </a:xfrm>
              <a:prstGeom prst="ellipse">
                <a:avLst/>
              </a:pr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8" name="Oval 37">
                <a:extLst>
                  <a:ext uri="{FF2B5EF4-FFF2-40B4-BE49-F238E27FC236}">
                    <a16:creationId xmlns:a16="http://schemas.microsoft.com/office/drawing/2014/main" id="{C701027E-F804-45D2-A469-1B4156459271}"/>
                  </a:ext>
                </a:extLst>
              </p:cNvPr>
              <p:cNvSpPr/>
              <p:nvPr/>
            </p:nvSpPr>
            <p:spPr>
              <a:xfrm rot="2707757" flipH="1" flipV="1">
                <a:off x="11129713" y="3642727"/>
                <a:ext cx="70648" cy="70644"/>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35" name="TextBox 34">
              <a:extLst>
                <a:ext uri="{FF2B5EF4-FFF2-40B4-BE49-F238E27FC236}">
                  <a16:creationId xmlns:a16="http://schemas.microsoft.com/office/drawing/2014/main" id="{04F610CC-906E-4CC9-A9BC-6839C8C521C1}"/>
                </a:ext>
              </a:extLst>
            </p:cNvPr>
            <p:cNvSpPr txBox="1"/>
            <p:nvPr/>
          </p:nvSpPr>
          <p:spPr>
            <a:xfrm flipH="1">
              <a:off x="756435" y="3667940"/>
              <a:ext cx="6168148" cy="338554"/>
            </a:xfrm>
            <a:prstGeom prst="rect">
              <a:avLst/>
            </a:prstGeom>
            <a:noFill/>
          </p:spPr>
          <p:txBody>
            <a:bodyPr wrap="square" lIns="91440" tIns="45720" rIns="91440" bIns="45720" rtlCol="0" anchor="t">
              <a:spAutoFit/>
            </a:bodyPr>
            <a:lstStyle/>
            <a:p>
              <a:pPr lvl="0">
                <a:defRPr/>
              </a:pPr>
              <a:r>
                <a:rPr lang="en-GB" sz="1600" dirty="0" err="1">
                  <a:solidFill>
                    <a:schemeClr val="bg1"/>
                  </a:solidFill>
                  <a:latin typeface="Open Sans Extrabold"/>
                  <a:ea typeface="Open Sans Extrabold"/>
                  <a:cs typeface="Open Sans Extrabold"/>
                </a:rPr>
                <a:t>Analyzujte</a:t>
              </a:r>
              <a:r>
                <a:rPr lang="en-GB" sz="1600" dirty="0">
                  <a:solidFill>
                    <a:schemeClr val="bg1"/>
                  </a:solidFill>
                  <a:latin typeface="Open Sans Extrabold"/>
                  <a:ea typeface="Open Sans Extrabold"/>
                  <a:cs typeface="Open Sans Extrabold"/>
                </a:rPr>
                <a:t> </a:t>
              </a:r>
              <a:r>
                <a:rPr lang="en-GB" sz="1600" dirty="0" err="1">
                  <a:solidFill>
                    <a:schemeClr val="bg1"/>
                  </a:solidFill>
                  <a:latin typeface="Open Sans Extrabold"/>
                  <a:ea typeface="Open Sans Extrabold"/>
                  <a:cs typeface="Open Sans Extrabold"/>
                </a:rPr>
                <a:t>vše</a:t>
              </a:r>
              <a:r>
                <a:rPr lang="en-GB" sz="1600" dirty="0">
                  <a:solidFill>
                    <a:schemeClr val="bg1"/>
                  </a:solidFill>
                  <a:latin typeface="Open Sans Extrabold"/>
                  <a:ea typeface="Open Sans Extrabold"/>
                  <a:cs typeface="Open Sans Extrabold"/>
                </a:rPr>
                <a:t> </a:t>
              </a:r>
              <a:r>
                <a:rPr lang="en-GB" sz="1600" dirty="0" err="1">
                  <a:solidFill>
                    <a:schemeClr val="bg1"/>
                  </a:solidFill>
                  <a:latin typeface="Open Sans Extrabold"/>
                  <a:ea typeface="Open Sans Extrabold"/>
                  <a:cs typeface="Open Sans Extrabold"/>
                </a:rPr>
                <a:t>na</a:t>
              </a:r>
              <a:r>
                <a:rPr lang="en-GB" sz="1600" dirty="0">
                  <a:solidFill>
                    <a:schemeClr val="bg1"/>
                  </a:solidFill>
                  <a:latin typeface="Open Sans Extrabold"/>
                  <a:ea typeface="Open Sans Extrabold"/>
                  <a:cs typeface="Open Sans Extrabold"/>
                </a:rPr>
                <a:t> </a:t>
              </a:r>
              <a:r>
                <a:rPr lang="en-GB" sz="1600" dirty="0" err="1">
                  <a:solidFill>
                    <a:schemeClr val="bg1"/>
                  </a:solidFill>
                  <a:latin typeface="Open Sans Extrabold"/>
                  <a:ea typeface="Open Sans Extrabold"/>
                  <a:cs typeface="Open Sans Extrabold"/>
                </a:rPr>
                <a:t>jednom</a:t>
              </a:r>
              <a:r>
                <a:rPr lang="en-GB" sz="1600" dirty="0">
                  <a:solidFill>
                    <a:schemeClr val="bg1"/>
                  </a:solidFill>
                  <a:latin typeface="Open Sans Extrabold"/>
                  <a:ea typeface="Open Sans Extrabold"/>
                  <a:cs typeface="Open Sans Extrabold"/>
                </a:rPr>
                <a:t> </a:t>
              </a:r>
              <a:r>
                <a:rPr lang="en-GB" sz="1600" dirty="0" err="1">
                  <a:solidFill>
                    <a:schemeClr val="bg1"/>
                  </a:solidFill>
                  <a:latin typeface="Open Sans Extrabold"/>
                  <a:ea typeface="Open Sans Extrabold"/>
                  <a:cs typeface="Open Sans Extrabold"/>
                </a:rPr>
                <a:t>místě</a:t>
              </a:r>
              <a:endParaRPr lang="en-GB" dirty="0"/>
            </a:p>
          </p:txBody>
        </p:sp>
      </p:grpSp>
      <p:grpSp>
        <p:nvGrpSpPr>
          <p:cNvPr id="39" name="Group 38">
            <a:extLst>
              <a:ext uri="{FF2B5EF4-FFF2-40B4-BE49-F238E27FC236}">
                <a16:creationId xmlns:a16="http://schemas.microsoft.com/office/drawing/2014/main" id="{E309FDE6-F542-4FA2-864B-1025C21A49AA}"/>
              </a:ext>
            </a:extLst>
          </p:cNvPr>
          <p:cNvGrpSpPr/>
          <p:nvPr/>
        </p:nvGrpSpPr>
        <p:grpSpPr>
          <a:xfrm>
            <a:off x="-500658" y="4620137"/>
            <a:ext cx="5276843" cy="368648"/>
            <a:chOff x="-500658" y="4620137"/>
            <a:chExt cx="5276843" cy="368648"/>
          </a:xfrm>
        </p:grpSpPr>
        <p:grpSp>
          <p:nvGrpSpPr>
            <p:cNvPr id="40" name="Group 39">
              <a:extLst>
                <a:ext uri="{FF2B5EF4-FFF2-40B4-BE49-F238E27FC236}">
                  <a16:creationId xmlns:a16="http://schemas.microsoft.com/office/drawing/2014/main" id="{2C62EE10-2D85-49E1-A8FE-9BEDCDAA0E65}"/>
                </a:ext>
              </a:extLst>
            </p:cNvPr>
            <p:cNvGrpSpPr/>
            <p:nvPr/>
          </p:nvGrpSpPr>
          <p:grpSpPr>
            <a:xfrm flipH="1">
              <a:off x="-500658" y="4756215"/>
              <a:ext cx="1094036" cy="232570"/>
              <a:chOff x="11048754" y="4920361"/>
              <a:chExt cx="1135624" cy="232570"/>
            </a:xfrm>
          </p:grpSpPr>
          <p:cxnSp>
            <p:nvCxnSpPr>
              <p:cNvPr id="42" name="Straight Connector 41">
                <a:extLst>
                  <a:ext uri="{FF2B5EF4-FFF2-40B4-BE49-F238E27FC236}">
                    <a16:creationId xmlns:a16="http://schemas.microsoft.com/office/drawing/2014/main" id="{ABFC9171-F82E-42C4-8E5F-70D94F3410A7}"/>
                  </a:ext>
                </a:extLst>
              </p:cNvPr>
              <p:cNvCxnSpPr>
                <a:cxnSpLocks/>
              </p:cNvCxnSpPr>
              <p:nvPr/>
            </p:nvCxnSpPr>
            <p:spPr>
              <a:xfrm flipH="1">
                <a:off x="11174754" y="5036496"/>
                <a:ext cx="1009624"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43" name="Oval 42">
                <a:extLst>
                  <a:ext uri="{FF2B5EF4-FFF2-40B4-BE49-F238E27FC236}">
                    <a16:creationId xmlns:a16="http://schemas.microsoft.com/office/drawing/2014/main" id="{AE3B4209-43F4-4ECF-A537-FE1C8CA99229}"/>
                  </a:ext>
                </a:extLst>
              </p:cNvPr>
              <p:cNvSpPr/>
              <p:nvPr/>
            </p:nvSpPr>
            <p:spPr>
              <a:xfrm rot="2707757">
                <a:off x="11048751" y="4920364"/>
                <a:ext cx="232570" cy="232564"/>
              </a:xfrm>
              <a:prstGeom prst="ellipse">
                <a:avLst/>
              </a:pr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4" name="Oval 43">
                <a:extLst>
                  <a:ext uri="{FF2B5EF4-FFF2-40B4-BE49-F238E27FC236}">
                    <a16:creationId xmlns:a16="http://schemas.microsoft.com/office/drawing/2014/main" id="{76870A48-0ACE-465C-98A9-B5E1A032FE94}"/>
                  </a:ext>
                </a:extLst>
              </p:cNvPr>
              <p:cNvSpPr/>
              <p:nvPr/>
            </p:nvSpPr>
            <p:spPr>
              <a:xfrm rot="2707757" flipH="1" flipV="1">
                <a:off x="11129712" y="5001324"/>
                <a:ext cx="70648" cy="70644"/>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41" name="TextBox 40">
              <a:extLst>
                <a:ext uri="{FF2B5EF4-FFF2-40B4-BE49-F238E27FC236}">
                  <a16:creationId xmlns:a16="http://schemas.microsoft.com/office/drawing/2014/main" id="{04D43DC5-D07B-47B5-8DB6-99C1557AAFE9}"/>
                </a:ext>
              </a:extLst>
            </p:cNvPr>
            <p:cNvSpPr txBox="1"/>
            <p:nvPr/>
          </p:nvSpPr>
          <p:spPr>
            <a:xfrm flipH="1">
              <a:off x="756434" y="4620137"/>
              <a:ext cx="4019751" cy="338554"/>
            </a:xfrm>
            <a:prstGeom prst="rect">
              <a:avLst/>
            </a:prstGeom>
            <a:noFill/>
          </p:spPr>
          <p:txBody>
            <a:bodyPr wrap="square" lIns="91440" tIns="45720" rIns="91440" bIns="45720" rtlCol="0" anchor="t">
              <a:spAutoFit/>
            </a:bodyPr>
            <a:lstStyle/>
            <a:p>
              <a:pPr lvl="0">
                <a:defRPr/>
              </a:pPr>
              <a:r>
                <a:rPr lang="en-GB" sz="1600" dirty="0" err="1">
                  <a:solidFill>
                    <a:schemeClr val="bg1"/>
                  </a:solidFill>
                  <a:latin typeface="Open Sans Extrabold"/>
                  <a:ea typeface="Open Sans Extrabold"/>
                  <a:cs typeface="Open Sans Extrabold"/>
                </a:rPr>
                <a:t>Usnadněte</a:t>
              </a:r>
              <a:r>
                <a:rPr lang="en-GB" sz="1600" dirty="0">
                  <a:solidFill>
                    <a:schemeClr val="bg1"/>
                  </a:solidFill>
                  <a:latin typeface="Open Sans Extrabold"/>
                  <a:ea typeface="Open Sans Extrabold"/>
                  <a:cs typeface="Open Sans Extrabold"/>
                </a:rPr>
                <a:t> </a:t>
              </a:r>
              <a:r>
                <a:rPr lang="en-GB" sz="1600" dirty="0" err="1">
                  <a:solidFill>
                    <a:schemeClr val="bg1"/>
                  </a:solidFill>
                  <a:latin typeface="Open Sans Extrabold"/>
                  <a:ea typeface="Open Sans Extrabold"/>
                  <a:cs typeface="Open Sans Extrabold"/>
                </a:rPr>
                <a:t>provoz</a:t>
              </a:r>
              <a:r>
                <a:rPr lang="en-GB" sz="1600" dirty="0">
                  <a:solidFill>
                    <a:schemeClr val="bg1"/>
                  </a:solidFill>
                  <a:latin typeface="Open Sans Extrabold"/>
                  <a:ea typeface="Open Sans Extrabold"/>
                  <a:cs typeface="Open Sans Extrabold"/>
                </a:rPr>
                <a:t> a </a:t>
              </a:r>
              <a:r>
                <a:rPr lang="en-GB" sz="1600" dirty="0" err="1">
                  <a:solidFill>
                    <a:schemeClr val="bg1"/>
                  </a:solidFill>
                  <a:latin typeface="Open Sans Extrabold"/>
                  <a:ea typeface="Open Sans Extrabold"/>
                  <a:cs typeface="Open Sans Extrabold"/>
                </a:rPr>
                <a:t>snižte</a:t>
              </a:r>
              <a:r>
                <a:rPr lang="en-GB" sz="1600" dirty="0">
                  <a:solidFill>
                    <a:schemeClr val="bg1"/>
                  </a:solidFill>
                  <a:latin typeface="Open Sans Extrabold"/>
                  <a:ea typeface="Open Sans Extrabold"/>
                  <a:cs typeface="Open Sans Extrabold"/>
                </a:rPr>
                <a:t> </a:t>
              </a:r>
              <a:r>
                <a:rPr lang="en-GB" sz="1600" dirty="0" err="1">
                  <a:solidFill>
                    <a:schemeClr val="bg1"/>
                  </a:solidFill>
                  <a:latin typeface="Open Sans Extrabold"/>
                  <a:ea typeface="Open Sans Extrabold"/>
                  <a:cs typeface="Open Sans Extrabold"/>
                </a:rPr>
                <a:t>náklady</a:t>
              </a:r>
              <a:endParaRPr lang="en-GB" dirty="0"/>
            </a:p>
          </p:txBody>
        </p:sp>
      </p:grpSp>
      <p:grpSp>
        <p:nvGrpSpPr>
          <p:cNvPr id="45" name="Group 44">
            <a:extLst>
              <a:ext uri="{FF2B5EF4-FFF2-40B4-BE49-F238E27FC236}">
                <a16:creationId xmlns:a16="http://schemas.microsoft.com/office/drawing/2014/main" id="{6086D784-FC05-4F34-8BA0-0C71689FC1FE}"/>
              </a:ext>
            </a:extLst>
          </p:cNvPr>
          <p:cNvGrpSpPr/>
          <p:nvPr/>
        </p:nvGrpSpPr>
        <p:grpSpPr>
          <a:xfrm>
            <a:off x="-508001" y="2707100"/>
            <a:ext cx="5550556" cy="370475"/>
            <a:chOff x="-508001" y="2707100"/>
            <a:chExt cx="5550556" cy="370475"/>
          </a:xfrm>
        </p:grpSpPr>
        <p:grpSp>
          <p:nvGrpSpPr>
            <p:cNvPr id="46" name="Group 45">
              <a:extLst>
                <a:ext uri="{FF2B5EF4-FFF2-40B4-BE49-F238E27FC236}">
                  <a16:creationId xmlns:a16="http://schemas.microsoft.com/office/drawing/2014/main" id="{830B1033-81BC-4C4F-BB26-75DDA3D148D9}"/>
                </a:ext>
              </a:extLst>
            </p:cNvPr>
            <p:cNvGrpSpPr/>
            <p:nvPr/>
          </p:nvGrpSpPr>
          <p:grpSpPr>
            <a:xfrm flipH="1">
              <a:off x="-508001" y="2845005"/>
              <a:ext cx="1094036" cy="232570"/>
              <a:chOff x="11048755" y="3561764"/>
              <a:chExt cx="1135624" cy="232570"/>
            </a:xfrm>
          </p:grpSpPr>
          <p:cxnSp>
            <p:nvCxnSpPr>
              <p:cNvPr id="48" name="Straight Connector 47">
                <a:extLst>
                  <a:ext uri="{FF2B5EF4-FFF2-40B4-BE49-F238E27FC236}">
                    <a16:creationId xmlns:a16="http://schemas.microsoft.com/office/drawing/2014/main" id="{716BE09A-677B-48CA-8E6F-31F4C3BF8DA3}"/>
                  </a:ext>
                </a:extLst>
              </p:cNvPr>
              <p:cNvCxnSpPr>
                <a:cxnSpLocks/>
              </p:cNvCxnSpPr>
              <p:nvPr/>
            </p:nvCxnSpPr>
            <p:spPr>
              <a:xfrm flipH="1">
                <a:off x="11174755" y="3677899"/>
                <a:ext cx="1009624" cy="0"/>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49" name="Oval 48">
                <a:extLst>
                  <a:ext uri="{FF2B5EF4-FFF2-40B4-BE49-F238E27FC236}">
                    <a16:creationId xmlns:a16="http://schemas.microsoft.com/office/drawing/2014/main" id="{5BDF194C-B025-408C-BBD7-C5C09001EDE1}"/>
                  </a:ext>
                </a:extLst>
              </p:cNvPr>
              <p:cNvSpPr/>
              <p:nvPr/>
            </p:nvSpPr>
            <p:spPr>
              <a:xfrm rot="2707757">
                <a:off x="11048752" y="3561767"/>
                <a:ext cx="232570" cy="232564"/>
              </a:xfrm>
              <a:prstGeom prst="ellipse">
                <a:avLst/>
              </a:prstGeom>
              <a:solidFill>
                <a:schemeClr val="bg1">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0" name="Oval 49">
                <a:extLst>
                  <a:ext uri="{FF2B5EF4-FFF2-40B4-BE49-F238E27FC236}">
                    <a16:creationId xmlns:a16="http://schemas.microsoft.com/office/drawing/2014/main" id="{67C41E33-A228-4EAA-BA3D-224ABAE150CB}"/>
                  </a:ext>
                </a:extLst>
              </p:cNvPr>
              <p:cNvSpPr/>
              <p:nvPr/>
            </p:nvSpPr>
            <p:spPr>
              <a:xfrm rot="2707757" flipH="1" flipV="1">
                <a:off x="11129713" y="3642727"/>
                <a:ext cx="70648" cy="70644"/>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sp>
          <p:nvSpPr>
            <p:cNvPr id="47" name="TextBox 46">
              <a:extLst>
                <a:ext uri="{FF2B5EF4-FFF2-40B4-BE49-F238E27FC236}">
                  <a16:creationId xmlns:a16="http://schemas.microsoft.com/office/drawing/2014/main" id="{3F6F72BC-81CD-400F-BE70-BD6185365DC1}"/>
                </a:ext>
              </a:extLst>
            </p:cNvPr>
            <p:cNvSpPr txBox="1"/>
            <p:nvPr/>
          </p:nvSpPr>
          <p:spPr>
            <a:xfrm flipH="1">
              <a:off x="756435" y="2707100"/>
              <a:ext cx="4286120" cy="338554"/>
            </a:xfrm>
            <a:prstGeom prst="rect">
              <a:avLst/>
            </a:prstGeom>
            <a:noFill/>
          </p:spPr>
          <p:txBody>
            <a:bodyPr wrap="square" rtlCol="0">
              <a:spAutoFit/>
            </a:bodyPr>
            <a:lstStyle/>
            <a:p>
              <a:pPr lvl="0">
                <a:defRPr/>
              </a:pPr>
              <a:r>
                <a:rPr lang="en-GB" sz="1600" dirty="0" err="1">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rPr>
                <a:t>Kompletní</a:t>
              </a:r>
              <a:r>
                <a:rPr lang="en-GB" sz="1600" dirty="0">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rPr>
                <a:t> </a:t>
              </a:r>
              <a:r>
                <a:rPr lang="en-GB" sz="1600" dirty="0" err="1">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rPr>
                <a:t>situační</a:t>
              </a:r>
              <a:r>
                <a:rPr lang="en-GB" sz="1600" dirty="0">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rPr>
                <a:t> </a:t>
              </a:r>
              <a:r>
                <a:rPr lang="en-GB" sz="1600" dirty="0" err="1">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rPr>
                <a:t>přehled</a:t>
              </a:r>
              <a:endParaRPr lang="en-GB" dirty="0"/>
            </a:p>
          </p:txBody>
        </p:sp>
      </p:grpSp>
    </p:spTree>
    <p:custDataLst>
      <p:tags r:id="rId1"/>
    </p:custDataLst>
    <p:extLst>
      <p:ext uri="{BB962C8B-B14F-4D97-AF65-F5344CB8AC3E}">
        <p14:creationId xmlns:p14="http://schemas.microsoft.com/office/powerpoint/2010/main" val="277995654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A person riding a scooter with a child on the side&#10;&#10;Description automatically generated with medium confidence">
            <a:extLst>
              <a:ext uri="{FF2B5EF4-FFF2-40B4-BE49-F238E27FC236}">
                <a16:creationId xmlns:a16="http://schemas.microsoft.com/office/drawing/2014/main" id="{DD25BE32-CBC8-4A15-AF83-C5A634353C2F}"/>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flipH="1">
            <a:off x="0" y="-6905"/>
            <a:ext cx="12192000" cy="6864906"/>
          </a:xfrm>
          <a:prstGeom prst="rect">
            <a:avLst/>
          </a:prstGeom>
        </p:spPr>
      </p:pic>
      <p:sp>
        <p:nvSpPr>
          <p:cNvPr id="9" name="Rectangle 8">
            <a:extLst>
              <a:ext uri="{FF2B5EF4-FFF2-40B4-BE49-F238E27FC236}">
                <a16:creationId xmlns:a16="http://schemas.microsoft.com/office/drawing/2014/main" id="{B3B93ACE-951F-4217-A688-B71639EF22D1}"/>
              </a:ext>
            </a:extLst>
          </p:cNvPr>
          <p:cNvSpPr/>
          <p:nvPr/>
        </p:nvSpPr>
        <p:spPr>
          <a:xfrm>
            <a:off x="-2" y="0"/>
            <a:ext cx="9525002" cy="6876758"/>
          </a:xfrm>
          <a:prstGeom prst="rect">
            <a:avLst/>
          </a:prstGeom>
          <a:gradFill flip="none" rotWithShape="1">
            <a:gsLst>
              <a:gs pos="0">
                <a:schemeClr val="accent2"/>
              </a:gs>
              <a:gs pos="85000">
                <a:srgbClr val="019ADD">
                  <a:alpha val="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CD862F72-A88D-4CCB-AA4E-7C8212C2BB53}"/>
              </a:ext>
            </a:extLst>
          </p:cNvPr>
          <p:cNvSpPr/>
          <p:nvPr/>
        </p:nvSpPr>
        <p:spPr>
          <a:xfrm>
            <a:off x="-2" y="-11444"/>
            <a:ext cx="11744139" cy="6864905"/>
          </a:xfrm>
          <a:prstGeom prst="rect">
            <a:avLst/>
          </a:prstGeom>
          <a:gradFill flip="none" rotWithShape="1">
            <a:gsLst>
              <a:gs pos="0">
                <a:schemeClr val="accent1"/>
              </a:gs>
              <a:gs pos="68000">
                <a:schemeClr val="accent2">
                  <a:alpha val="0"/>
                </a:schemeClr>
              </a:gs>
            </a:gsLst>
            <a:lin ang="30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23641B2B-9728-4083-8212-8709E59B20A4}"/>
              </a:ext>
            </a:extLst>
          </p:cNvPr>
          <p:cNvSpPr>
            <a:spLocks noGrp="1"/>
          </p:cNvSpPr>
          <p:nvPr>
            <p:ph type="ctrTitle"/>
          </p:nvPr>
        </p:nvSpPr>
        <p:spPr>
          <a:xfrm>
            <a:off x="444500" y="2690438"/>
            <a:ext cx="8334000" cy="1620000"/>
          </a:xfrm>
        </p:spPr>
        <p:txBody>
          <a:bodyPr/>
          <a:lstStyle/>
          <a:p>
            <a:r>
              <a:rPr lang="en-GB" dirty="0" err="1"/>
              <a:t>Bezpečnost</a:t>
            </a:r>
            <a:r>
              <a:rPr lang="en-GB" dirty="0"/>
              <a:t> </a:t>
            </a:r>
            <a:r>
              <a:rPr lang="en-GB" dirty="0" err="1"/>
              <a:t>měst</a:t>
            </a:r>
            <a:br>
              <a:rPr lang="da-DK" dirty="0"/>
            </a:br>
            <a:br>
              <a:rPr lang="da-DK" dirty="0"/>
            </a:br>
            <a:r>
              <a:rPr lang="en-GB" sz="2400" b="0" dirty="0">
                <a:latin typeface="+mj-lt"/>
                <a:ea typeface="Open Sans"/>
                <a:cs typeface="Open Sans"/>
              </a:rPr>
              <a:t>Jak video </a:t>
            </a:r>
            <a:r>
              <a:rPr lang="en-GB" sz="2400" b="0" dirty="0" err="1">
                <a:latin typeface="+mj-lt"/>
                <a:ea typeface="Open Sans"/>
                <a:cs typeface="Open Sans"/>
              </a:rPr>
              <a:t>technologie</a:t>
            </a:r>
            <a:r>
              <a:rPr lang="en-GB" sz="2400" b="0" dirty="0">
                <a:latin typeface="+mj-lt"/>
                <a:ea typeface="Open Sans"/>
                <a:cs typeface="Open Sans"/>
              </a:rPr>
              <a:t> </a:t>
            </a:r>
            <a:r>
              <a:rPr lang="en-GB" sz="2400" b="0" dirty="0" err="1">
                <a:latin typeface="+mj-lt"/>
                <a:ea typeface="Open Sans"/>
                <a:cs typeface="Open Sans"/>
              </a:rPr>
              <a:t>pomáhají</a:t>
            </a:r>
            <a:r>
              <a:rPr lang="en-GB" sz="2400" b="0" dirty="0">
                <a:latin typeface="+mj-lt"/>
                <a:ea typeface="Open Sans"/>
                <a:cs typeface="Open Sans"/>
              </a:rPr>
              <a:t> </a:t>
            </a:r>
            <a:r>
              <a:rPr lang="en-GB" sz="2400" b="0" dirty="0" err="1">
                <a:latin typeface="+mj-lt"/>
                <a:ea typeface="Open Sans"/>
                <a:cs typeface="Open Sans"/>
              </a:rPr>
              <a:t>zlepšit</a:t>
            </a:r>
            <a:r>
              <a:rPr lang="en-GB" sz="2400" b="0" dirty="0">
                <a:latin typeface="+mj-lt"/>
                <a:ea typeface="Open Sans"/>
                <a:cs typeface="Open Sans"/>
              </a:rPr>
              <a:t> </a:t>
            </a:r>
            <a:r>
              <a:rPr lang="en-GB" sz="2400" b="0" dirty="0" err="1">
                <a:latin typeface="+mj-lt"/>
                <a:ea typeface="Open Sans"/>
                <a:cs typeface="Open Sans"/>
              </a:rPr>
              <a:t>bezpečnost</a:t>
            </a:r>
            <a:r>
              <a:rPr lang="en-GB" sz="2400" b="0" dirty="0">
                <a:latin typeface="+mj-lt"/>
                <a:ea typeface="Open Sans"/>
                <a:cs typeface="Open Sans"/>
              </a:rPr>
              <a:t> </a:t>
            </a:r>
            <a:r>
              <a:rPr lang="en-GB" sz="2400" b="0" dirty="0" err="1">
                <a:latin typeface="+mj-lt"/>
                <a:ea typeface="Open Sans"/>
                <a:cs typeface="Open Sans"/>
              </a:rPr>
              <a:t>měst</a:t>
            </a:r>
            <a:r>
              <a:rPr lang="en-GB" sz="2400" b="0" dirty="0">
                <a:latin typeface="+mj-lt"/>
                <a:ea typeface="Open Sans"/>
                <a:cs typeface="Open Sans"/>
              </a:rPr>
              <a:t> ?</a:t>
            </a:r>
          </a:p>
        </p:txBody>
      </p:sp>
      <p:sp>
        <p:nvSpPr>
          <p:cNvPr id="3" name="Footer Placeholder 2">
            <a:extLst>
              <a:ext uri="{FF2B5EF4-FFF2-40B4-BE49-F238E27FC236}">
                <a16:creationId xmlns:a16="http://schemas.microsoft.com/office/drawing/2014/main" id="{E8711295-64E8-4F99-909C-458BF87AFBA2}"/>
              </a:ext>
            </a:extLst>
          </p:cNvPr>
          <p:cNvSpPr>
            <a:spLocks noGrp="1"/>
          </p:cNvSpPr>
          <p:nvPr>
            <p:ph type="ftr" sz="quarter" idx="24"/>
          </p:nvPr>
        </p:nvSpPr>
        <p:spPr>
          <a:xfrm>
            <a:off x="1288782" y="6479087"/>
            <a:ext cx="5400000" cy="147600"/>
          </a:xfrm>
        </p:spPr>
        <p:txBody>
          <a:bodyPr/>
          <a:lstStyle/>
          <a:p>
            <a:endParaRPr lang="en-GB"/>
          </a:p>
        </p:txBody>
      </p:sp>
      <p:sp>
        <p:nvSpPr>
          <p:cNvPr id="12" name="Text Placeholder 11">
            <a:extLst>
              <a:ext uri="{FF2B5EF4-FFF2-40B4-BE49-F238E27FC236}">
                <a16:creationId xmlns:a16="http://schemas.microsoft.com/office/drawing/2014/main" id="{67AF7DD2-1D51-4A8B-901E-4E23171D2DBB}"/>
              </a:ext>
            </a:extLst>
          </p:cNvPr>
          <p:cNvSpPr>
            <a:spLocks noGrp="1"/>
          </p:cNvSpPr>
          <p:nvPr>
            <p:ph type="body" sz="quarter" idx="26"/>
          </p:nvPr>
        </p:nvSpPr>
        <p:spPr/>
        <p:txBody>
          <a:bodyPr/>
          <a:lstStyle/>
          <a:p>
            <a:endParaRPr lang="en-US"/>
          </a:p>
        </p:txBody>
      </p:sp>
      <p:sp>
        <p:nvSpPr>
          <p:cNvPr id="11" name="Text Placeholder 10">
            <a:extLst>
              <a:ext uri="{FF2B5EF4-FFF2-40B4-BE49-F238E27FC236}">
                <a16:creationId xmlns:a16="http://schemas.microsoft.com/office/drawing/2014/main" id="{40E83DA8-3AB4-46A4-97DD-FEC750A58E6B}"/>
              </a:ext>
            </a:extLst>
          </p:cNvPr>
          <p:cNvSpPr>
            <a:spLocks noGrp="1"/>
          </p:cNvSpPr>
          <p:nvPr>
            <p:ph type="body" sz="quarter" idx="15"/>
          </p:nvPr>
        </p:nvSpPr>
        <p:spPr/>
        <p:txBody>
          <a:bodyPr/>
          <a:lstStyle/>
          <a:p>
            <a:endParaRPr lang="en-US"/>
          </a:p>
        </p:txBody>
      </p:sp>
    </p:spTree>
    <p:custDataLst>
      <p:tags r:id="rId1"/>
    </p:custDataLst>
    <p:extLst>
      <p:ext uri="{BB962C8B-B14F-4D97-AF65-F5344CB8AC3E}">
        <p14:creationId xmlns:p14="http://schemas.microsoft.com/office/powerpoint/2010/main" val="6324822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500" fill="hold"/>
                                        <p:tgtEl>
                                          <p:spTgt spid="2"/>
                                        </p:tgtEl>
                                        <p:attrNameLst>
                                          <p:attrName>ppt_x</p:attrName>
                                        </p:attrNameLst>
                                      </p:cBhvr>
                                      <p:tavLst>
                                        <p:tav tm="0">
                                          <p:val>
                                            <p:strVal val="#ppt_x"/>
                                          </p:val>
                                        </p:tav>
                                        <p:tav tm="100000">
                                          <p:val>
                                            <p:strVal val="#ppt_x"/>
                                          </p:val>
                                        </p:tav>
                                      </p:tavLst>
                                    </p:anim>
                                    <p:anim calcmode="lin" valueType="num">
                                      <p:cBhvr additive="base">
                                        <p:cTn id="8" dur="500" fill="hold"/>
                                        <p:tgtEl>
                                          <p:spTgt spid="2"/>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4F26BC4D-26F9-4863-AE92-9B80D262BA77}"/>
              </a:ext>
            </a:extLst>
          </p:cNvPr>
          <p:cNvSpPr>
            <a:spLocks noGrp="1"/>
          </p:cNvSpPr>
          <p:nvPr>
            <p:ph type="body" sz="quarter" idx="14"/>
          </p:nvPr>
        </p:nvSpPr>
        <p:spPr/>
        <p:txBody>
          <a:bodyPr/>
          <a:lstStyle/>
          <a:p>
            <a:endParaRPr lang="en-GB"/>
          </a:p>
        </p:txBody>
      </p:sp>
      <p:sp>
        <p:nvSpPr>
          <p:cNvPr id="5" name="Footer Placeholder 4">
            <a:extLst>
              <a:ext uri="{FF2B5EF4-FFF2-40B4-BE49-F238E27FC236}">
                <a16:creationId xmlns:a16="http://schemas.microsoft.com/office/drawing/2014/main" id="{4A1C10E3-5C67-4762-956A-5FC470739778}"/>
              </a:ext>
            </a:extLst>
          </p:cNvPr>
          <p:cNvSpPr>
            <a:spLocks noGrp="1"/>
          </p:cNvSpPr>
          <p:nvPr>
            <p:ph type="ftr" sz="quarter" idx="21"/>
          </p:nvPr>
        </p:nvSpPr>
        <p:spPr/>
        <p:txBody>
          <a:bodyPr/>
          <a:lstStyle/>
          <a:p>
            <a:endParaRPr lang="en-GB"/>
          </a:p>
        </p:txBody>
      </p:sp>
      <p:sp>
        <p:nvSpPr>
          <p:cNvPr id="32" name="Rectangle 31">
            <a:extLst>
              <a:ext uri="{FF2B5EF4-FFF2-40B4-BE49-F238E27FC236}">
                <a16:creationId xmlns:a16="http://schemas.microsoft.com/office/drawing/2014/main" id="{6BE8A6BB-E332-4834-93F6-41FF50E96C7E}"/>
              </a:ext>
            </a:extLst>
          </p:cNvPr>
          <p:cNvSpPr/>
          <p:nvPr/>
        </p:nvSpPr>
        <p:spPr>
          <a:xfrm>
            <a:off x="8780463" y="0"/>
            <a:ext cx="3403885" cy="6858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pic>
        <p:nvPicPr>
          <p:cNvPr id="35" name="Picture 34" descr="A picture containing person, seat&#10;&#10;Description automatically generated">
            <a:extLst>
              <a:ext uri="{FF2B5EF4-FFF2-40B4-BE49-F238E27FC236}">
                <a16:creationId xmlns:a16="http://schemas.microsoft.com/office/drawing/2014/main" id="{B9F54F9F-A126-4C08-AF49-C56B7832F86A}"/>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8780464" y="3507455"/>
            <a:ext cx="3411536" cy="3350545"/>
          </a:xfrm>
          <a:prstGeom prst="rect">
            <a:avLst/>
          </a:prstGeom>
        </p:spPr>
      </p:pic>
      <p:sp>
        <p:nvSpPr>
          <p:cNvPr id="50" name="Title 49">
            <a:extLst>
              <a:ext uri="{FF2B5EF4-FFF2-40B4-BE49-F238E27FC236}">
                <a16:creationId xmlns:a16="http://schemas.microsoft.com/office/drawing/2014/main" id="{0B542BF6-513E-4800-98D6-9EAEC7DEED88}"/>
              </a:ext>
            </a:extLst>
          </p:cNvPr>
          <p:cNvSpPr>
            <a:spLocks noGrp="1"/>
          </p:cNvSpPr>
          <p:nvPr>
            <p:ph type="title"/>
          </p:nvPr>
        </p:nvSpPr>
        <p:spPr>
          <a:xfrm>
            <a:off x="447863" y="421240"/>
            <a:ext cx="4889324" cy="1061960"/>
          </a:xfrm>
        </p:spPr>
        <p:txBody>
          <a:bodyPr/>
          <a:lstStyle/>
          <a:p>
            <a:r>
              <a:rPr lang="en-GB" sz="2800" dirty="0" err="1">
                <a:latin typeface="Open Sans Extrabold" panose="020B0906030804020204" pitchFamily="34" charset="0"/>
                <a:ea typeface="Open Sans Extrabold" panose="020B0906030804020204" pitchFamily="34" charset="0"/>
                <a:cs typeface="Open Sans Extrabold" panose="020B0906030804020204" pitchFamily="34" charset="0"/>
              </a:rPr>
              <a:t>Propojená</a:t>
            </a:r>
            <a:r>
              <a:rPr lang="en-GB" sz="2800" dirty="0">
                <a:latin typeface="Open Sans Extrabold" panose="020B0906030804020204" pitchFamily="34" charset="0"/>
                <a:ea typeface="Open Sans Extrabold" panose="020B0906030804020204" pitchFamily="34" charset="0"/>
                <a:cs typeface="Open Sans Extrabold" panose="020B0906030804020204" pitchFamily="34" charset="0"/>
              </a:rPr>
              <a:t> video </a:t>
            </a:r>
            <a:r>
              <a:rPr lang="en-GB" sz="2800" dirty="0" err="1">
                <a:latin typeface="Open Sans Extrabold" panose="020B0906030804020204" pitchFamily="34" charset="0"/>
                <a:ea typeface="Open Sans Extrabold" panose="020B0906030804020204" pitchFamily="34" charset="0"/>
                <a:cs typeface="Open Sans Extrabold" panose="020B0906030804020204" pitchFamily="34" charset="0"/>
              </a:rPr>
              <a:t>řešení</a:t>
            </a:r>
            <a:r>
              <a:rPr lang="en-GB" sz="2800" dirty="0">
                <a:latin typeface="Open Sans Extrabold" panose="020B0906030804020204" pitchFamily="34" charset="0"/>
                <a:ea typeface="Open Sans Extrabold" panose="020B0906030804020204" pitchFamily="34" charset="0"/>
                <a:cs typeface="Open Sans Extrabold" panose="020B0906030804020204" pitchFamily="34" charset="0"/>
              </a:rPr>
              <a:t> pro </a:t>
            </a:r>
            <a:r>
              <a:rPr lang="en-GB" sz="2800" i="1" dirty="0" err="1">
                <a:solidFill>
                  <a:schemeClr val="accent2"/>
                </a:solidFill>
                <a:latin typeface="Open Sans Extrabold" panose="020B0906030804020204" pitchFamily="34" charset="0"/>
                <a:ea typeface="Open Sans Extrabold" panose="020B0906030804020204" pitchFamily="34" charset="0"/>
                <a:cs typeface="Open Sans Extrabold" panose="020B0906030804020204" pitchFamily="34" charset="0"/>
              </a:rPr>
              <a:t>bezpečnost</a:t>
            </a:r>
            <a:r>
              <a:rPr lang="en-GB" sz="2800" i="1" dirty="0">
                <a:solidFill>
                  <a:schemeClr val="accent2"/>
                </a:solidFill>
                <a:latin typeface="Open Sans Extrabold" panose="020B0906030804020204" pitchFamily="34" charset="0"/>
                <a:ea typeface="Open Sans Extrabold" panose="020B0906030804020204" pitchFamily="34" charset="0"/>
                <a:cs typeface="Open Sans Extrabold" panose="020B0906030804020204" pitchFamily="34" charset="0"/>
              </a:rPr>
              <a:t>  </a:t>
            </a:r>
            <a:r>
              <a:rPr lang="en-GB" sz="2800" i="1" dirty="0" err="1">
                <a:solidFill>
                  <a:schemeClr val="accent2"/>
                </a:solidFill>
                <a:latin typeface="Open Sans Extrabold" panose="020B0906030804020204" pitchFamily="34" charset="0"/>
                <a:ea typeface="Open Sans Extrabold" panose="020B0906030804020204" pitchFamily="34" charset="0"/>
                <a:cs typeface="Open Sans Extrabold" panose="020B0906030804020204" pitchFamily="34" charset="0"/>
              </a:rPr>
              <a:t>měst</a:t>
            </a:r>
            <a:endParaRPr lang="en-GB" dirty="0"/>
          </a:p>
        </p:txBody>
      </p:sp>
      <p:grpSp>
        <p:nvGrpSpPr>
          <p:cNvPr id="11" name="Group 10">
            <a:extLst>
              <a:ext uri="{FF2B5EF4-FFF2-40B4-BE49-F238E27FC236}">
                <a16:creationId xmlns:a16="http://schemas.microsoft.com/office/drawing/2014/main" id="{06965C7B-1B49-4B69-9522-AAC142AF0697}"/>
              </a:ext>
            </a:extLst>
          </p:cNvPr>
          <p:cNvGrpSpPr/>
          <p:nvPr/>
        </p:nvGrpSpPr>
        <p:grpSpPr>
          <a:xfrm>
            <a:off x="509772" y="2704954"/>
            <a:ext cx="1359688" cy="439533"/>
            <a:chOff x="307464" y="2898479"/>
            <a:chExt cx="1924107" cy="621987"/>
          </a:xfrm>
        </p:grpSpPr>
        <p:sp>
          <p:nvSpPr>
            <p:cNvPr id="12" name="TextBox 11">
              <a:extLst>
                <a:ext uri="{FF2B5EF4-FFF2-40B4-BE49-F238E27FC236}">
                  <a16:creationId xmlns:a16="http://schemas.microsoft.com/office/drawing/2014/main" id="{95412782-6D10-42CD-B7DC-583A6B8BFFC6}"/>
                </a:ext>
              </a:extLst>
            </p:cNvPr>
            <p:cNvSpPr txBox="1">
              <a:spLocks/>
            </p:cNvSpPr>
            <p:nvPr/>
          </p:nvSpPr>
          <p:spPr>
            <a:xfrm>
              <a:off x="307464" y="2898479"/>
              <a:ext cx="1924107" cy="522645"/>
            </a:xfrm>
            <a:prstGeom prst="rect">
              <a:avLst/>
            </a:prstGeom>
            <a:noFill/>
          </p:spPr>
          <p:txBody>
            <a:bodyPr wrap="square" lIns="0" tIns="0" rIns="0" bIns="0" rtlCol="0">
              <a:spAutoFit/>
            </a:bodyPr>
            <a:lstStyle/>
            <a:p>
              <a:pPr algn="ctr"/>
              <a:r>
                <a:rPr lang="en-GB" sz="1200" b="1" dirty="0" err="1">
                  <a:solidFill>
                    <a:schemeClr val="accent1"/>
                  </a:solidFill>
                </a:rPr>
                <a:t>Řešení</a:t>
              </a:r>
              <a:r>
                <a:rPr lang="en-GB" sz="1200" b="1" dirty="0">
                  <a:solidFill>
                    <a:schemeClr val="accent1"/>
                  </a:solidFill>
                </a:rPr>
                <a:t> </a:t>
              </a:r>
              <a:r>
                <a:rPr lang="en-GB" sz="1200" b="1" dirty="0" err="1">
                  <a:solidFill>
                    <a:schemeClr val="accent1"/>
                  </a:solidFill>
                </a:rPr>
                <a:t>nouzových</a:t>
              </a:r>
              <a:r>
                <a:rPr lang="en-GB" sz="1200" b="1" dirty="0">
                  <a:solidFill>
                    <a:schemeClr val="accent1"/>
                  </a:solidFill>
                </a:rPr>
                <a:t> </a:t>
              </a:r>
              <a:r>
                <a:rPr lang="en-GB" sz="1200" b="1" dirty="0" err="1">
                  <a:solidFill>
                    <a:schemeClr val="accent1"/>
                  </a:solidFill>
                </a:rPr>
                <a:t>událostí</a:t>
              </a:r>
              <a:endParaRPr lang="en-GB" dirty="0"/>
            </a:p>
          </p:txBody>
        </p:sp>
        <p:cxnSp>
          <p:nvCxnSpPr>
            <p:cNvPr id="13" name="Straight Connector 12">
              <a:extLst>
                <a:ext uri="{FF2B5EF4-FFF2-40B4-BE49-F238E27FC236}">
                  <a16:creationId xmlns:a16="http://schemas.microsoft.com/office/drawing/2014/main" id="{67E84B37-150F-4C8E-9861-CC173041E3C3}"/>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84" name="Group 83">
            <a:extLst>
              <a:ext uri="{FF2B5EF4-FFF2-40B4-BE49-F238E27FC236}">
                <a16:creationId xmlns:a16="http://schemas.microsoft.com/office/drawing/2014/main" id="{B1CDF146-0FCD-4E2C-9FE5-694C68673D99}"/>
              </a:ext>
            </a:extLst>
          </p:cNvPr>
          <p:cNvGrpSpPr/>
          <p:nvPr/>
        </p:nvGrpSpPr>
        <p:grpSpPr>
          <a:xfrm>
            <a:off x="2160113" y="2704955"/>
            <a:ext cx="1236080" cy="439533"/>
            <a:chOff x="394923" y="2898479"/>
            <a:chExt cx="1749188" cy="621987"/>
          </a:xfrm>
        </p:grpSpPr>
        <p:sp>
          <p:nvSpPr>
            <p:cNvPr id="86" name="TextBox 85">
              <a:extLst>
                <a:ext uri="{FF2B5EF4-FFF2-40B4-BE49-F238E27FC236}">
                  <a16:creationId xmlns:a16="http://schemas.microsoft.com/office/drawing/2014/main" id="{A3E854A3-5664-4522-A144-49C7F3FD9385}"/>
                </a:ext>
              </a:extLst>
            </p:cNvPr>
            <p:cNvSpPr txBox="1">
              <a:spLocks/>
            </p:cNvSpPr>
            <p:nvPr/>
          </p:nvSpPr>
          <p:spPr>
            <a:xfrm>
              <a:off x="394923" y="2898479"/>
              <a:ext cx="1749188" cy="522645"/>
            </a:xfrm>
            <a:prstGeom prst="rect">
              <a:avLst/>
            </a:prstGeom>
            <a:noFill/>
          </p:spPr>
          <p:txBody>
            <a:bodyPr wrap="square" lIns="0" tIns="0" rIns="0" bIns="0" rtlCol="0">
              <a:spAutoFit/>
            </a:bodyPr>
            <a:lstStyle/>
            <a:p>
              <a:pPr algn="ctr"/>
              <a:r>
                <a:rPr lang="en-GB" sz="1200" b="1" dirty="0" err="1">
                  <a:solidFill>
                    <a:schemeClr val="accent1"/>
                  </a:solidFill>
                </a:rPr>
                <a:t>Událostní</a:t>
              </a:r>
              <a:r>
                <a:rPr lang="en-GB" sz="1200" b="1" dirty="0">
                  <a:solidFill>
                    <a:schemeClr val="accent1"/>
                  </a:solidFill>
                </a:rPr>
                <a:t> management</a:t>
              </a:r>
              <a:endParaRPr lang="en-GB" dirty="0"/>
            </a:p>
          </p:txBody>
        </p:sp>
        <p:cxnSp>
          <p:nvCxnSpPr>
            <p:cNvPr id="87" name="Straight Connector 86">
              <a:extLst>
                <a:ext uri="{FF2B5EF4-FFF2-40B4-BE49-F238E27FC236}">
                  <a16:creationId xmlns:a16="http://schemas.microsoft.com/office/drawing/2014/main" id="{ADACB244-AF1C-4F7A-AB8E-A357076EDE75}"/>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5ED6D874-68A0-4102-86FE-C1A1B6865BFA}"/>
              </a:ext>
            </a:extLst>
          </p:cNvPr>
          <p:cNvGrpSpPr/>
          <p:nvPr/>
        </p:nvGrpSpPr>
        <p:grpSpPr>
          <a:xfrm>
            <a:off x="3686846" y="2704955"/>
            <a:ext cx="1359688" cy="439533"/>
            <a:chOff x="307464" y="2898479"/>
            <a:chExt cx="1924107" cy="621987"/>
          </a:xfrm>
        </p:grpSpPr>
        <p:sp>
          <p:nvSpPr>
            <p:cNvPr id="91" name="TextBox 90">
              <a:extLst>
                <a:ext uri="{FF2B5EF4-FFF2-40B4-BE49-F238E27FC236}">
                  <a16:creationId xmlns:a16="http://schemas.microsoft.com/office/drawing/2014/main" id="{17A6AB14-7D79-43A7-A74D-D4A1C37B2CF0}"/>
                </a:ext>
              </a:extLst>
            </p:cNvPr>
            <p:cNvSpPr txBox="1">
              <a:spLocks/>
            </p:cNvSpPr>
            <p:nvPr/>
          </p:nvSpPr>
          <p:spPr>
            <a:xfrm>
              <a:off x="307464" y="2898479"/>
              <a:ext cx="1924107" cy="522645"/>
            </a:xfrm>
            <a:prstGeom prst="rect">
              <a:avLst/>
            </a:prstGeom>
            <a:noFill/>
          </p:spPr>
          <p:txBody>
            <a:bodyPr wrap="square" lIns="0" tIns="0" rIns="0" bIns="0" rtlCol="0">
              <a:spAutoFit/>
            </a:bodyPr>
            <a:lstStyle/>
            <a:p>
              <a:pPr algn="ctr"/>
              <a:r>
                <a:rPr lang="en-GB" sz="1200" b="1" dirty="0" err="1">
                  <a:solidFill>
                    <a:schemeClr val="accent1"/>
                  </a:solidFill>
                </a:rPr>
                <a:t>Vizualizace</a:t>
              </a:r>
              <a:r>
                <a:rPr lang="en-GB" sz="1200" b="1" dirty="0">
                  <a:solidFill>
                    <a:schemeClr val="accent1"/>
                  </a:solidFill>
                </a:rPr>
                <a:t> v </a:t>
              </a:r>
              <a:r>
                <a:rPr lang="en-GB" sz="1200" b="1" dirty="0" err="1">
                  <a:solidFill>
                    <a:schemeClr val="accent1"/>
                  </a:solidFill>
                </a:rPr>
                <a:t>reálném</a:t>
              </a:r>
              <a:r>
                <a:rPr lang="en-GB" sz="1200" b="1" dirty="0">
                  <a:solidFill>
                    <a:schemeClr val="accent1"/>
                  </a:solidFill>
                </a:rPr>
                <a:t> </a:t>
              </a:r>
              <a:r>
                <a:rPr lang="en-GB" sz="1200" b="1" dirty="0" err="1">
                  <a:solidFill>
                    <a:schemeClr val="accent1"/>
                  </a:solidFill>
                </a:rPr>
                <a:t>čase</a:t>
              </a:r>
              <a:endParaRPr lang="en-GB" sz="1200" b="1" dirty="0">
                <a:solidFill>
                  <a:schemeClr val="tx1">
                    <a:lumMod val="85000"/>
                    <a:lumOff val="15000"/>
                  </a:schemeClr>
                </a:solidFill>
              </a:endParaRPr>
            </a:p>
          </p:txBody>
        </p:sp>
        <p:cxnSp>
          <p:nvCxnSpPr>
            <p:cNvPr id="92" name="Straight Connector 91">
              <a:extLst>
                <a:ext uri="{FF2B5EF4-FFF2-40B4-BE49-F238E27FC236}">
                  <a16:creationId xmlns:a16="http://schemas.microsoft.com/office/drawing/2014/main" id="{B8EE07D2-9EC8-40BA-8C1D-F22FA761172C}"/>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2E92A79-5F6D-46B4-B487-2EF77B95A807}"/>
              </a:ext>
            </a:extLst>
          </p:cNvPr>
          <p:cNvGrpSpPr/>
          <p:nvPr/>
        </p:nvGrpSpPr>
        <p:grpSpPr>
          <a:xfrm>
            <a:off x="5306285" y="2660306"/>
            <a:ext cx="1359688" cy="439533"/>
            <a:chOff x="307464" y="2898479"/>
            <a:chExt cx="1924107" cy="621987"/>
          </a:xfrm>
        </p:grpSpPr>
        <p:sp>
          <p:nvSpPr>
            <p:cNvPr id="96" name="TextBox 95">
              <a:extLst>
                <a:ext uri="{FF2B5EF4-FFF2-40B4-BE49-F238E27FC236}">
                  <a16:creationId xmlns:a16="http://schemas.microsoft.com/office/drawing/2014/main" id="{D1C52381-A057-4957-A6BD-E68C41017471}"/>
                </a:ext>
              </a:extLst>
            </p:cNvPr>
            <p:cNvSpPr txBox="1">
              <a:spLocks/>
            </p:cNvSpPr>
            <p:nvPr/>
          </p:nvSpPr>
          <p:spPr>
            <a:xfrm>
              <a:off x="307464" y="2898479"/>
              <a:ext cx="1924107" cy="522645"/>
            </a:xfrm>
            <a:prstGeom prst="rect">
              <a:avLst/>
            </a:prstGeom>
            <a:noFill/>
          </p:spPr>
          <p:txBody>
            <a:bodyPr wrap="square" lIns="0" tIns="0" rIns="0" bIns="0" rtlCol="0">
              <a:spAutoFit/>
            </a:bodyPr>
            <a:lstStyle/>
            <a:p>
              <a:pPr algn="ctr"/>
              <a:r>
                <a:rPr lang="en-GB" sz="1200" b="1" dirty="0">
                  <a:solidFill>
                    <a:schemeClr val="accent1"/>
                  </a:solidFill>
                </a:rPr>
                <a:t>Management </a:t>
              </a:r>
              <a:r>
                <a:rPr lang="en-GB" sz="1200" b="1" dirty="0" err="1">
                  <a:solidFill>
                    <a:schemeClr val="accent1"/>
                  </a:solidFill>
                </a:rPr>
                <a:t>davu</a:t>
              </a:r>
              <a:endParaRPr lang="en-GB" dirty="0"/>
            </a:p>
          </p:txBody>
        </p:sp>
        <p:cxnSp>
          <p:nvCxnSpPr>
            <p:cNvPr id="97" name="Straight Connector 96">
              <a:extLst>
                <a:ext uri="{FF2B5EF4-FFF2-40B4-BE49-F238E27FC236}">
                  <a16:creationId xmlns:a16="http://schemas.microsoft.com/office/drawing/2014/main" id="{E9E7C18E-16BC-4BED-89FF-AA819FAAAD6B}"/>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99" name="Group 98">
            <a:extLst>
              <a:ext uri="{FF2B5EF4-FFF2-40B4-BE49-F238E27FC236}">
                <a16:creationId xmlns:a16="http://schemas.microsoft.com/office/drawing/2014/main" id="{B7E8DFB7-6358-4CEF-A1E7-CD6D7E08B88E}"/>
              </a:ext>
            </a:extLst>
          </p:cNvPr>
          <p:cNvGrpSpPr/>
          <p:nvPr/>
        </p:nvGrpSpPr>
        <p:grpSpPr>
          <a:xfrm>
            <a:off x="6885354" y="2660305"/>
            <a:ext cx="1236080" cy="439531"/>
            <a:chOff x="394923" y="2898479"/>
            <a:chExt cx="1749188" cy="621985"/>
          </a:xfrm>
        </p:grpSpPr>
        <p:sp>
          <p:nvSpPr>
            <p:cNvPr id="101" name="TextBox 100">
              <a:extLst>
                <a:ext uri="{FF2B5EF4-FFF2-40B4-BE49-F238E27FC236}">
                  <a16:creationId xmlns:a16="http://schemas.microsoft.com/office/drawing/2014/main" id="{3E74026F-224E-449C-A2B3-412C65E0F2C0}"/>
                </a:ext>
              </a:extLst>
            </p:cNvPr>
            <p:cNvSpPr txBox="1">
              <a:spLocks/>
            </p:cNvSpPr>
            <p:nvPr/>
          </p:nvSpPr>
          <p:spPr>
            <a:xfrm>
              <a:off x="394923" y="2898479"/>
              <a:ext cx="1749188" cy="522645"/>
            </a:xfrm>
            <a:prstGeom prst="rect">
              <a:avLst/>
            </a:prstGeom>
            <a:noFill/>
          </p:spPr>
          <p:txBody>
            <a:bodyPr wrap="square" lIns="0" tIns="0" rIns="0" bIns="0" rtlCol="0">
              <a:spAutoFit/>
            </a:bodyPr>
            <a:lstStyle/>
            <a:p>
              <a:pPr algn="ctr"/>
              <a:r>
                <a:rPr lang="en-GB" sz="1200" b="1" dirty="0" err="1">
                  <a:solidFill>
                    <a:schemeClr val="accent1"/>
                  </a:solidFill>
                </a:rPr>
                <a:t>Občanská</a:t>
              </a:r>
              <a:r>
                <a:rPr lang="en-GB" sz="1200" b="1" dirty="0">
                  <a:solidFill>
                    <a:schemeClr val="accent1"/>
                  </a:solidFill>
                </a:rPr>
                <a:t> </a:t>
              </a:r>
              <a:r>
                <a:rPr lang="en-GB" sz="1200" b="1" dirty="0" err="1">
                  <a:solidFill>
                    <a:schemeClr val="accent1"/>
                  </a:solidFill>
                </a:rPr>
                <a:t>angažovanost</a:t>
              </a:r>
              <a:endParaRPr lang="en-GB" sz="1200" b="1" dirty="0">
                <a:solidFill>
                  <a:schemeClr val="tx1">
                    <a:lumMod val="85000"/>
                    <a:lumOff val="15000"/>
                  </a:schemeClr>
                </a:solidFill>
              </a:endParaRPr>
            </a:p>
          </p:txBody>
        </p:sp>
        <p:cxnSp>
          <p:nvCxnSpPr>
            <p:cNvPr id="102" name="Straight Connector 101">
              <a:extLst>
                <a:ext uri="{FF2B5EF4-FFF2-40B4-BE49-F238E27FC236}">
                  <a16:creationId xmlns:a16="http://schemas.microsoft.com/office/drawing/2014/main" id="{0CDD2A2C-A775-46BD-AD72-4527AED014D3}"/>
                </a:ext>
              </a:extLst>
            </p:cNvPr>
            <p:cNvCxnSpPr>
              <a:cxnSpLocks/>
            </p:cNvCxnSpPr>
            <p:nvPr/>
          </p:nvCxnSpPr>
          <p:spPr>
            <a:xfrm>
              <a:off x="1053805" y="3520464"/>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104" name="Group 103">
            <a:extLst>
              <a:ext uri="{FF2B5EF4-FFF2-40B4-BE49-F238E27FC236}">
                <a16:creationId xmlns:a16="http://schemas.microsoft.com/office/drawing/2014/main" id="{A4254C72-C8F0-4ACD-98D8-303630738441}"/>
              </a:ext>
            </a:extLst>
          </p:cNvPr>
          <p:cNvGrpSpPr/>
          <p:nvPr/>
        </p:nvGrpSpPr>
        <p:grpSpPr>
          <a:xfrm>
            <a:off x="571576" y="4978981"/>
            <a:ext cx="1236080" cy="553998"/>
            <a:chOff x="394923" y="2898479"/>
            <a:chExt cx="1749188" cy="783967"/>
          </a:xfrm>
        </p:grpSpPr>
        <p:sp>
          <p:nvSpPr>
            <p:cNvPr id="106" name="TextBox 105">
              <a:extLst>
                <a:ext uri="{FF2B5EF4-FFF2-40B4-BE49-F238E27FC236}">
                  <a16:creationId xmlns:a16="http://schemas.microsoft.com/office/drawing/2014/main" id="{2F2B04D6-56D6-48DB-82A5-FF03DA0D5AA2}"/>
                </a:ext>
              </a:extLst>
            </p:cNvPr>
            <p:cNvSpPr txBox="1">
              <a:spLocks/>
            </p:cNvSpPr>
            <p:nvPr/>
          </p:nvSpPr>
          <p:spPr>
            <a:xfrm>
              <a:off x="394923" y="2898479"/>
              <a:ext cx="1749188" cy="783967"/>
            </a:xfrm>
            <a:prstGeom prst="rect">
              <a:avLst/>
            </a:prstGeom>
            <a:noFill/>
          </p:spPr>
          <p:txBody>
            <a:bodyPr wrap="square" lIns="0" tIns="0" rIns="0" bIns="0" rtlCol="0">
              <a:spAutoFit/>
            </a:bodyPr>
            <a:lstStyle/>
            <a:p>
              <a:pPr algn="ctr"/>
              <a:r>
                <a:rPr lang="en-GB" sz="1200" b="1" dirty="0" err="1">
                  <a:solidFill>
                    <a:schemeClr val="accent1"/>
                  </a:solidFill>
                </a:rPr>
                <a:t>Prevence</a:t>
              </a:r>
              <a:r>
                <a:rPr lang="en-GB" sz="1200" b="1" dirty="0">
                  <a:solidFill>
                    <a:schemeClr val="accent1"/>
                  </a:solidFill>
                </a:rPr>
                <a:t> </a:t>
              </a:r>
              <a:r>
                <a:rPr lang="en-GB" sz="1200" b="1" dirty="0" err="1">
                  <a:solidFill>
                    <a:schemeClr val="accent1"/>
                  </a:solidFill>
                </a:rPr>
                <a:t>kriminality</a:t>
              </a:r>
              <a:endParaRPr lang="en-GB" dirty="0"/>
            </a:p>
            <a:p>
              <a:pPr algn="ctr"/>
              <a:endParaRPr lang="en-GB" sz="1200" b="1" dirty="0">
                <a:solidFill>
                  <a:schemeClr val="tx1">
                    <a:lumMod val="85000"/>
                    <a:lumOff val="15000"/>
                  </a:schemeClr>
                </a:solidFill>
              </a:endParaRPr>
            </a:p>
          </p:txBody>
        </p:sp>
        <p:cxnSp>
          <p:nvCxnSpPr>
            <p:cNvPr id="107" name="Straight Connector 106">
              <a:extLst>
                <a:ext uri="{FF2B5EF4-FFF2-40B4-BE49-F238E27FC236}">
                  <a16:creationId xmlns:a16="http://schemas.microsoft.com/office/drawing/2014/main" id="{3C6C8A0D-708B-4D2A-8D9E-FF89DE108B8E}"/>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109" name="Group 108">
            <a:extLst>
              <a:ext uri="{FF2B5EF4-FFF2-40B4-BE49-F238E27FC236}">
                <a16:creationId xmlns:a16="http://schemas.microsoft.com/office/drawing/2014/main" id="{CC79091A-76C8-472A-BC5F-D98A337B2CA8}"/>
              </a:ext>
            </a:extLst>
          </p:cNvPr>
          <p:cNvGrpSpPr/>
          <p:nvPr/>
        </p:nvGrpSpPr>
        <p:grpSpPr>
          <a:xfrm>
            <a:off x="2030325" y="4978980"/>
            <a:ext cx="1648602" cy="492443"/>
            <a:chOff x="211259" y="2898479"/>
            <a:chExt cx="2332952" cy="696860"/>
          </a:xfrm>
        </p:grpSpPr>
        <p:sp>
          <p:nvSpPr>
            <p:cNvPr id="111" name="TextBox 110">
              <a:extLst>
                <a:ext uri="{FF2B5EF4-FFF2-40B4-BE49-F238E27FC236}">
                  <a16:creationId xmlns:a16="http://schemas.microsoft.com/office/drawing/2014/main" id="{2CF5575D-A0A8-42AE-AF4F-BD9B62B55A74}"/>
                </a:ext>
              </a:extLst>
            </p:cNvPr>
            <p:cNvSpPr txBox="1">
              <a:spLocks/>
            </p:cNvSpPr>
            <p:nvPr/>
          </p:nvSpPr>
          <p:spPr>
            <a:xfrm>
              <a:off x="211259" y="2898479"/>
              <a:ext cx="2332952" cy="696860"/>
            </a:xfrm>
            <a:prstGeom prst="rect">
              <a:avLst/>
            </a:prstGeom>
            <a:noFill/>
          </p:spPr>
          <p:txBody>
            <a:bodyPr wrap="square" lIns="0" tIns="0" rIns="0" bIns="0" rtlCol="0">
              <a:spAutoFit/>
            </a:bodyPr>
            <a:lstStyle/>
            <a:p>
              <a:pPr algn="ctr"/>
              <a:r>
                <a:rPr lang="en-GB" sz="1200" b="1" dirty="0" err="1">
                  <a:solidFill>
                    <a:schemeClr val="accent1"/>
                  </a:solidFill>
                </a:rPr>
                <a:t>Pandemická</a:t>
              </a:r>
              <a:r>
                <a:rPr lang="en-GB" sz="1200" b="1" dirty="0">
                  <a:solidFill>
                    <a:schemeClr val="accent1"/>
                  </a:solidFill>
                </a:rPr>
                <a:t> </a:t>
              </a:r>
            </a:p>
            <a:p>
              <a:pPr algn="ctr"/>
              <a:r>
                <a:rPr lang="en-GB" sz="1200" b="1" dirty="0" err="1">
                  <a:solidFill>
                    <a:schemeClr val="accent1"/>
                  </a:solidFill>
                </a:rPr>
                <a:t>situace</a:t>
              </a:r>
              <a:endParaRPr lang="en-GB" dirty="0"/>
            </a:p>
            <a:p>
              <a:pPr algn="ctr"/>
              <a:endParaRPr lang="en-GB" sz="800" b="1" dirty="0">
                <a:solidFill>
                  <a:schemeClr val="tx1">
                    <a:lumMod val="85000"/>
                    <a:lumOff val="15000"/>
                  </a:schemeClr>
                </a:solidFill>
              </a:endParaRPr>
            </a:p>
          </p:txBody>
        </p:sp>
        <p:cxnSp>
          <p:nvCxnSpPr>
            <p:cNvPr id="112" name="Straight Connector 111">
              <a:extLst>
                <a:ext uri="{FF2B5EF4-FFF2-40B4-BE49-F238E27FC236}">
                  <a16:creationId xmlns:a16="http://schemas.microsoft.com/office/drawing/2014/main" id="{9BB94B4B-76D4-4B71-98F1-5D9B7BDBE43C}"/>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114" name="Group 113">
            <a:extLst>
              <a:ext uri="{FF2B5EF4-FFF2-40B4-BE49-F238E27FC236}">
                <a16:creationId xmlns:a16="http://schemas.microsoft.com/office/drawing/2014/main" id="{140DAC99-BDDE-4401-AA24-C3AA298819E2}"/>
              </a:ext>
            </a:extLst>
          </p:cNvPr>
          <p:cNvGrpSpPr/>
          <p:nvPr/>
        </p:nvGrpSpPr>
        <p:grpSpPr>
          <a:xfrm>
            <a:off x="3748650" y="4978980"/>
            <a:ext cx="1236080" cy="439533"/>
            <a:chOff x="394923" y="2898479"/>
            <a:chExt cx="1749188" cy="621987"/>
          </a:xfrm>
        </p:grpSpPr>
        <p:sp>
          <p:nvSpPr>
            <p:cNvPr id="116" name="TextBox 115">
              <a:extLst>
                <a:ext uri="{FF2B5EF4-FFF2-40B4-BE49-F238E27FC236}">
                  <a16:creationId xmlns:a16="http://schemas.microsoft.com/office/drawing/2014/main" id="{1F0219E4-B557-4EE3-A9E3-FABCB557228F}"/>
                </a:ext>
              </a:extLst>
            </p:cNvPr>
            <p:cNvSpPr txBox="1">
              <a:spLocks/>
            </p:cNvSpPr>
            <p:nvPr/>
          </p:nvSpPr>
          <p:spPr>
            <a:xfrm>
              <a:off x="394923" y="2898479"/>
              <a:ext cx="1749188" cy="522645"/>
            </a:xfrm>
            <a:prstGeom prst="rect">
              <a:avLst/>
            </a:prstGeom>
            <a:noFill/>
          </p:spPr>
          <p:txBody>
            <a:bodyPr wrap="square" lIns="0" tIns="0" rIns="0" bIns="0" rtlCol="0">
              <a:spAutoFit/>
            </a:bodyPr>
            <a:lstStyle/>
            <a:p>
              <a:pPr algn="ctr"/>
              <a:r>
                <a:rPr lang="en-GB" sz="1200" b="1" dirty="0" err="1">
                  <a:solidFill>
                    <a:schemeClr val="accent1"/>
                  </a:solidFill>
                </a:rPr>
                <a:t>Sledování</a:t>
              </a:r>
              <a:r>
                <a:rPr lang="en-GB" sz="1200" b="1" dirty="0">
                  <a:solidFill>
                    <a:schemeClr val="accent1"/>
                  </a:solidFill>
                </a:rPr>
                <a:t> </a:t>
              </a:r>
              <a:r>
                <a:rPr lang="en-GB" sz="1200" b="1" dirty="0" err="1">
                  <a:solidFill>
                    <a:schemeClr val="accent1"/>
                  </a:solidFill>
                </a:rPr>
                <a:t>hlídek</a:t>
              </a:r>
              <a:endParaRPr lang="en-GB" sz="1200" b="1" dirty="0">
                <a:solidFill>
                  <a:schemeClr val="tx1">
                    <a:lumMod val="85000"/>
                    <a:lumOff val="15000"/>
                  </a:schemeClr>
                </a:solidFill>
              </a:endParaRPr>
            </a:p>
          </p:txBody>
        </p:sp>
        <p:cxnSp>
          <p:nvCxnSpPr>
            <p:cNvPr id="117" name="Straight Connector 116">
              <a:extLst>
                <a:ext uri="{FF2B5EF4-FFF2-40B4-BE49-F238E27FC236}">
                  <a16:creationId xmlns:a16="http://schemas.microsoft.com/office/drawing/2014/main" id="{722AA97F-7DB4-4CB1-8AA2-4BB45CAD04B6}"/>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119" name="Group 118">
            <a:extLst>
              <a:ext uri="{FF2B5EF4-FFF2-40B4-BE49-F238E27FC236}">
                <a16:creationId xmlns:a16="http://schemas.microsoft.com/office/drawing/2014/main" id="{CD26A73F-0397-4FD0-BF07-5B6EB1B42B10}"/>
              </a:ext>
            </a:extLst>
          </p:cNvPr>
          <p:cNvGrpSpPr/>
          <p:nvPr/>
        </p:nvGrpSpPr>
        <p:grpSpPr>
          <a:xfrm>
            <a:off x="5368089" y="4998060"/>
            <a:ext cx="1236080" cy="553998"/>
            <a:chOff x="438653" y="2925482"/>
            <a:chExt cx="1749188" cy="783968"/>
          </a:xfrm>
        </p:grpSpPr>
        <p:sp>
          <p:nvSpPr>
            <p:cNvPr id="121" name="TextBox 120">
              <a:extLst>
                <a:ext uri="{FF2B5EF4-FFF2-40B4-BE49-F238E27FC236}">
                  <a16:creationId xmlns:a16="http://schemas.microsoft.com/office/drawing/2014/main" id="{E255AF1C-8061-441A-9C7F-374EBE78B895}"/>
                </a:ext>
              </a:extLst>
            </p:cNvPr>
            <p:cNvSpPr txBox="1">
              <a:spLocks/>
            </p:cNvSpPr>
            <p:nvPr/>
          </p:nvSpPr>
          <p:spPr>
            <a:xfrm>
              <a:off x="438653" y="2925482"/>
              <a:ext cx="1749188" cy="783968"/>
            </a:xfrm>
            <a:prstGeom prst="rect">
              <a:avLst/>
            </a:prstGeom>
            <a:noFill/>
          </p:spPr>
          <p:txBody>
            <a:bodyPr wrap="square" lIns="0" tIns="0" rIns="0" bIns="0" rtlCol="0">
              <a:spAutoFit/>
            </a:bodyPr>
            <a:lstStyle/>
            <a:p>
              <a:pPr algn="ctr"/>
              <a:r>
                <a:rPr lang="en-GB" sz="1200" b="1" dirty="0" err="1">
                  <a:solidFill>
                    <a:schemeClr val="accent1"/>
                  </a:solidFill>
                </a:rPr>
                <a:t>Řízení</a:t>
              </a:r>
              <a:r>
                <a:rPr lang="en-GB" sz="1200" b="1" dirty="0">
                  <a:solidFill>
                    <a:schemeClr val="accent1"/>
                  </a:solidFill>
                </a:rPr>
                <a:t> </a:t>
              </a:r>
            </a:p>
            <a:p>
              <a:pPr algn="ctr"/>
              <a:r>
                <a:rPr lang="en-GB" sz="1200" b="1" dirty="0" err="1">
                  <a:solidFill>
                    <a:schemeClr val="accent1"/>
                  </a:solidFill>
                </a:rPr>
                <a:t>přístupu</a:t>
              </a:r>
              <a:endParaRPr lang="en-GB" sz="1200" b="1" dirty="0">
                <a:solidFill>
                  <a:schemeClr val="accent1"/>
                </a:solidFill>
              </a:endParaRPr>
            </a:p>
            <a:p>
              <a:pPr algn="ctr"/>
              <a:endParaRPr lang="en-GB" sz="1200" b="1" dirty="0">
                <a:solidFill>
                  <a:schemeClr val="tx1">
                    <a:lumMod val="85000"/>
                    <a:lumOff val="15000"/>
                  </a:schemeClr>
                </a:solidFill>
              </a:endParaRPr>
            </a:p>
          </p:txBody>
        </p:sp>
        <p:cxnSp>
          <p:nvCxnSpPr>
            <p:cNvPr id="122" name="Straight Connector 121">
              <a:extLst>
                <a:ext uri="{FF2B5EF4-FFF2-40B4-BE49-F238E27FC236}">
                  <a16:creationId xmlns:a16="http://schemas.microsoft.com/office/drawing/2014/main" id="{A416D3C6-184A-4633-9F13-E25A522A352C}"/>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D0DA12EB-9697-43F8-88D8-EBA010C81D98}"/>
              </a:ext>
            </a:extLst>
          </p:cNvPr>
          <p:cNvGrpSpPr/>
          <p:nvPr/>
        </p:nvGrpSpPr>
        <p:grpSpPr>
          <a:xfrm>
            <a:off x="6925724" y="4978980"/>
            <a:ext cx="1236080" cy="553998"/>
            <a:chOff x="394923" y="2898479"/>
            <a:chExt cx="1749188" cy="783967"/>
          </a:xfrm>
        </p:grpSpPr>
        <p:sp>
          <p:nvSpPr>
            <p:cNvPr id="126" name="TextBox 125">
              <a:extLst>
                <a:ext uri="{FF2B5EF4-FFF2-40B4-BE49-F238E27FC236}">
                  <a16:creationId xmlns:a16="http://schemas.microsoft.com/office/drawing/2014/main" id="{659B014C-1D12-45BE-95DA-CC2FBE0F5E5A}"/>
                </a:ext>
              </a:extLst>
            </p:cNvPr>
            <p:cNvSpPr txBox="1">
              <a:spLocks/>
            </p:cNvSpPr>
            <p:nvPr/>
          </p:nvSpPr>
          <p:spPr>
            <a:xfrm>
              <a:off x="394923" y="2898479"/>
              <a:ext cx="1749188" cy="783967"/>
            </a:xfrm>
            <a:prstGeom prst="rect">
              <a:avLst/>
            </a:prstGeom>
            <a:noFill/>
          </p:spPr>
          <p:txBody>
            <a:bodyPr wrap="square" lIns="0" tIns="0" rIns="0" bIns="0" rtlCol="0" anchor="t">
              <a:spAutoFit/>
            </a:bodyPr>
            <a:lstStyle/>
            <a:p>
              <a:pPr algn="ctr"/>
              <a:r>
                <a:rPr lang="en-GB" sz="1200" b="1" dirty="0" err="1">
                  <a:solidFill>
                    <a:schemeClr val="accent1"/>
                  </a:solidFill>
                </a:rPr>
                <a:t>Bezpečnost</a:t>
              </a:r>
              <a:r>
                <a:rPr lang="en-GB" sz="1200" b="1" dirty="0">
                  <a:solidFill>
                    <a:schemeClr val="accent1"/>
                  </a:solidFill>
                </a:rPr>
                <a:t> </a:t>
              </a:r>
              <a:r>
                <a:rPr lang="en-GB" sz="1200" b="1" dirty="0" err="1">
                  <a:solidFill>
                    <a:schemeClr val="accent1"/>
                  </a:solidFill>
                </a:rPr>
                <a:t>veřejných</a:t>
              </a:r>
              <a:r>
                <a:rPr lang="en-GB" sz="1200" b="1" dirty="0">
                  <a:solidFill>
                    <a:schemeClr val="accent1"/>
                  </a:solidFill>
                </a:rPr>
                <a:t> </a:t>
              </a:r>
              <a:r>
                <a:rPr lang="en-GB" sz="1200" b="1" dirty="0" err="1">
                  <a:solidFill>
                    <a:schemeClr val="accent1"/>
                  </a:solidFill>
                </a:rPr>
                <a:t>budov</a:t>
              </a:r>
              <a:endParaRPr lang="en-GB" sz="1200" b="1" dirty="0">
                <a:solidFill>
                  <a:schemeClr val="tx1">
                    <a:lumMod val="85000"/>
                    <a:lumOff val="15000"/>
                  </a:schemeClr>
                </a:solidFill>
              </a:endParaRPr>
            </a:p>
          </p:txBody>
        </p:sp>
        <p:cxnSp>
          <p:nvCxnSpPr>
            <p:cNvPr id="127" name="Straight Connector 126">
              <a:extLst>
                <a:ext uri="{FF2B5EF4-FFF2-40B4-BE49-F238E27FC236}">
                  <a16:creationId xmlns:a16="http://schemas.microsoft.com/office/drawing/2014/main" id="{A8307E0F-E992-46D2-AA3C-9A79A03EA02D}"/>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pic>
        <p:nvPicPr>
          <p:cNvPr id="8" name="Picture 7" descr="Graphical user interface, icon&#10;&#10;Description automatically generated">
            <a:extLst>
              <a:ext uri="{FF2B5EF4-FFF2-40B4-BE49-F238E27FC236}">
                <a16:creationId xmlns:a16="http://schemas.microsoft.com/office/drawing/2014/main" id="{351D812A-34AF-4414-9B90-CCE0EF424B2A}"/>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8654550" y="-832496"/>
            <a:ext cx="3537450" cy="3537450"/>
          </a:xfrm>
          <a:prstGeom prst="rect">
            <a:avLst/>
          </a:prstGeom>
        </p:spPr>
      </p:pic>
      <p:pic>
        <p:nvPicPr>
          <p:cNvPr id="10" name="Picture 9" descr="Icon&#10;&#10;Description automatically generated">
            <a:extLst>
              <a:ext uri="{FF2B5EF4-FFF2-40B4-BE49-F238E27FC236}">
                <a16:creationId xmlns:a16="http://schemas.microsoft.com/office/drawing/2014/main" id="{CB42EADB-ADF1-4441-B86B-93C34B0AD4BD}"/>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2490813" y="1981026"/>
            <a:ext cx="565200" cy="565200"/>
          </a:xfrm>
          <a:prstGeom prst="rect">
            <a:avLst/>
          </a:prstGeom>
        </p:spPr>
      </p:pic>
      <p:pic>
        <p:nvPicPr>
          <p:cNvPr id="16" name="Picture 15" descr="Icon&#10;&#10;Description automatically generated">
            <a:extLst>
              <a:ext uri="{FF2B5EF4-FFF2-40B4-BE49-F238E27FC236}">
                <a16:creationId xmlns:a16="http://schemas.microsoft.com/office/drawing/2014/main" id="{60C9829C-0ACC-41F4-B090-2117BB75DEB4}"/>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4153328" y="4215999"/>
            <a:ext cx="565200" cy="565200"/>
          </a:xfrm>
          <a:prstGeom prst="rect">
            <a:avLst/>
          </a:prstGeom>
        </p:spPr>
      </p:pic>
      <p:pic>
        <p:nvPicPr>
          <p:cNvPr id="18" name="Picture 17" descr="Icon&#10;&#10;Description automatically generated">
            <a:extLst>
              <a:ext uri="{FF2B5EF4-FFF2-40B4-BE49-F238E27FC236}">
                <a16:creationId xmlns:a16="http://schemas.microsoft.com/office/drawing/2014/main" id="{B5522ED3-E86F-4DAE-90DD-A81FACA37E36}"/>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4084090" y="1979995"/>
            <a:ext cx="565200" cy="565200"/>
          </a:xfrm>
          <a:prstGeom prst="rect">
            <a:avLst/>
          </a:prstGeom>
        </p:spPr>
      </p:pic>
      <p:pic>
        <p:nvPicPr>
          <p:cNvPr id="20" name="Picture 19" descr="Icon&#10;&#10;Description automatically generated">
            <a:extLst>
              <a:ext uri="{FF2B5EF4-FFF2-40B4-BE49-F238E27FC236}">
                <a16:creationId xmlns:a16="http://schemas.microsoft.com/office/drawing/2014/main" id="{39657D58-A806-4118-8C92-FFFB35FB48F1}"/>
              </a:ext>
            </a:extLst>
          </p:cNvPr>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7250127" y="1979995"/>
            <a:ext cx="565200" cy="565200"/>
          </a:xfrm>
          <a:prstGeom prst="rect">
            <a:avLst/>
          </a:prstGeom>
        </p:spPr>
      </p:pic>
      <p:pic>
        <p:nvPicPr>
          <p:cNvPr id="22" name="Picture 21" descr="Icon&#10;&#10;Description automatically generated">
            <a:extLst>
              <a:ext uri="{FF2B5EF4-FFF2-40B4-BE49-F238E27FC236}">
                <a16:creationId xmlns:a16="http://schemas.microsoft.com/office/drawing/2014/main" id="{0DA21DA5-ECCA-475D-827D-4AB34D2EE92D}"/>
              </a:ext>
            </a:extLst>
          </p:cNvPr>
          <p:cNvPicPr>
            <a:picLocks noChangeAspect="1"/>
          </p:cNvPicPr>
          <p:nvPr/>
        </p:nvPicPr>
        <p:blipFill>
          <a:blip r:embed="rId10" cstate="screen">
            <a:extLst>
              <a:ext uri="{28A0092B-C50C-407E-A947-70E740481C1C}">
                <a14:useLocalDpi xmlns:a14="http://schemas.microsoft.com/office/drawing/2010/main"/>
              </a:ext>
            </a:extLst>
          </a:blip>
          <a:stretch>
            <a:fillRect/>
          </a:stretch>
        </p:blipFill>
        <p:spPr>
          <a:xfrm>
            <a:off x="2495553" y="4216884"/>
            <a:ext cx="565200" cy="565200"/>
          </a:xfrm>
          <a:prstGeom prst="rect">
            <a:avLst/>
          </a:prstGeom>
        </p:spPr>
      </p:pic>
      <p:pic>
        <p:nvPicPr>
          <p:cNvPr id="24" name="Picture 23" descr="Icon&#10;&#10;Description automatically generated">
            <a:extLst>
              <a:ext uri="{FF2B5EF4-FFF2-40B4-BE49-F238E27FC236}">
                <a16:creationId xmlns:a16="http://schemas.microsoft.com/office/drawing/2014/main" id="{84DA21A7-FF56-45C1-A915-21F221673F51}"/>
              </a:ext>
            </a:extLst>
          </p:cNvPr>
          <p:cNvPicPr>
            <a:picLocks noChangeAspect="1"/>
          </p:cNvPicPr>
          <p:nvPr/>
        </p:nvPicPr>
        <p:blipFill>
          <a:blip r:embed="rId11" cstate="screen">
            <a:extLst>
              <a:ext uri="{28A0092B-C50C-407E-A947-70E740481C1C}">
                <a14:useLocalDpi xmlns:a14="http://schemas.microsoft.com/office/drawing/2010/main"/>
              </a:ext>
            </a:extLst>
          </a:blip>
          <a:stretch>
            <a:fillRect/>
          </a:stretch>
        </p:blipFill>
        <p:spPr>
          <a:xfrm>
            <a:off x="5691914" y="4223209"/>
            <a:ext cx="565200" cy="565200"/>
          </a:xfrm>
          <a:prstGeom prst="rect">
            <a:avLst/>
          </a:prstGeom>
        </p:spPr>
      </p:pic>
      <p:pic>
        <p:nvPicPr>
          <p:cNvPr id="26" name="Picture 25" descr="Icon&#10;&#10;Description automatically generated">
            <a:extLst>
              <a:ext uri="{FF2B5EF4-FFF2-40B4-BE49-F238E27FC236}">
                <a16:creationId xmlns:a16="http://schemas.microsoft.com/office/drawing/2014/main" id="{2C8EB389-B6F1-42AD-93D3-B18A0E51AD19}"/>
              </a:ext>
            </a:extLst>
          </p:cNvPr>
          <p:cNvPicPr>
            <a:picLocks noChangeAspect="1"/>
          </p:cNvPicPr>
          <p:nvPr/>
        </p:nvPicPr>
        <p:blipFill>
          <a:blip r:embed="rId12" cstate="screen">
            <a:extLst>
              <a:ext uri="{28A0092B-C50C-407E-A947-70E740481C1C}">
                <a14:useLocalDpi xmlns:a14="http://schemas.microsoft.com/office/drawing/2010/main"/>
              </a:ext>
            </a:extLst>
          </a:blip>
          <a:stretch>
            <a:fillRect/>
          </a:stretch>
        </p:blipFill>
        <p:spPr>
          <a:xfrm>
            <a:off x="899663" y="1979995"/>
            <a:ext cx="565200" cy="565200"/>
          </a:xfrm>
          <a:prstGeom prst="rect">
            <a:avLst/>
          </a:prstGeom>
        </p:spPr>
      </p:pic>
      <p:pic>
        <p:nvPicPr>
          <p:cNvPr id="28" name="Picture 27" descr="Icon&#10;&#10;Description automatically generated">
            <a:extLst>
              <a:ext uri="{FF2B5EF4-FFF2-40B4-BE49-F238E27FC236}">
                <a16:creationId xmlns:a16="http://schemas.microsoft.com/office/drawing/2014/main" id="{72D036E5-9293-4C35-9923-027BCE6BA633}"/>
              </a:ext>
            </a:extLst>
          </p:cNvPr>
          <p:cNvPicPr>
            <a:picLocks noChangeAspect="1"/>
          </p:cNvPicPr>
          <p:nvPr/>
        </p:nvPicPr>
        <p:blipFill>
          <a:blip r:embed="rId13" cstate="screen">
            <a:extLst>
              <a:ext uri="{28A0092B-C50C-407E-A947-70E740481C1C}">
                <a14:useLocalDpi xmlns:a14="http://schemas.microsoft.com/office/drawing/2010/main"/>
              </a:ext>
            </a:extLst>
          </a:blip>
          <a:stretch>
            <a:fillRect/>
          </a:stretch>
        </p:blipFill>
        <p:spPr>
          <a:xfrm>
            <a:off x="907016" y="4250064"/>
            <a:ext cx="565200" cy="565200"/>
          </a:xfrm>
          <a:prstGeom prst="rect">
            <a:avLst/>
          </a:prstGeom>
        </p:spPr>
      </p:pic>
      <p:pic>
        <p:nvPicPr>
          <p:cNvPr id="30" name="Picture 29" descr="Icon&#10;&#10;Description automatically generated">
            <a:extLst>
              <a:ext uri="{FF2B5EF4-FFF2-40B4-BE49-F238E27FC236}">
                <a16:creationId xmlns:a16="http://schemas.microsoft.com/office/drawing/2014/main" id="{752079C1-1A2B-43C2-8527-39CDEBB69011}"/>
              </a:ext>
            </a:extLst>
          </p:cNvPr>
          <p:cNvPicPr>
            <a:picLocks noChangeAspect="1"/>
          </p:cNvPicPr>
          <p:nvPr/>
        </p:nvPicPr>
        <p:blipFill>
          <a:blip r:embed="rId14" cstate="screen">
            <a:extLst>
              <a:ext uri="{28A0092B-C50C-407E-A947-70E740481C1C}">
                <a14:useLocalDpi xmlns:a14="http://schemas.microsoft.com/office/drawing/2010/main"/>
              </a:ext>
            </a:extLst>
          </a:blip>
          <a:stretch>
            <a:fillRect/>
          </a:stretch>
        </p:blipFill>
        <p:spPr>
          <a:xfrm>
            <a:off x="7250127" y="4250064"/>
            <a:ext cx="565200" cy="565200"/>
          </a:xfrm>
          <a:prstGeom prst="rect">
            <a:avLst/>
          </a:prstGeom>
        </p:spPr>
      </p:pic>
      <p:pic>
        <p:nvPicPr>
          <p:cNvPr id="3" name="Picture 2" descr="A picture containing text&#10;&#10;Description automatically generated">
            <a:extLst>
              <a:ext uri="{FF2B5EF4-FFF2-40B4-BE49-F238E27FC236}">
                <a16:creationId xmlns:a16="http://schemas.microsoft.com/office/drawing/2014/main" id="{5BB5961B-BB2E-46C8-815E-BCE24FBB4119}"/>
              </a:ext>
            </a:extLst>
          </p:cNvPr>
          <p:cNvPicPr>
            <a:picLocks noChangeAspect="1"/>
          </p:cNvPicPr>
          <p:nvPr/>
        </p:nvPicPr>
        <p:blipFill rotWithShape="1">
          <a:blip r:embed="rId15" cstate="screen">
            <a:extLst>
              <a:ext uri="{28A0092B-C50C-407E-A947-70E740481C1C}">
                <a14:useLocalDpi xmlns:a14="http://schemas.microsoft.com/office/drawing/2010/main"/>
              </a:ext>
            </a:extLst>
          </a:blip>
          <a:srcRect/>
          <a:stretch/>
        </p:blipFill>
        <p:spPr>
          <a:xfrm>
            <a:off x="9108469" y="3806850"/>
            <a:ext cx="358689" cy="416359"/>
          </a:xfrm>
          <a:prstGeom prst="rect">
            <a:avLst/>
          </a:prstGeom>
        </p:spPr>
      </p:pic>
      <p:pic>
        <p:nvPicPr>
          <p:cNvPr id="51" name="Picture 50" descr="A picture containing text&#10;&#10;Description automatically generated">
            <a:extLst>
              <a:ext uri="{FF2B5EF4-FFF2-40B4-BE49-F238E27FC236}">
                <a16:creationId xmlns:a16="http://schemas.microsoft.com/office/drawing/2014/main" id="{0340E11F-00AF-4CEB-89FC-3AD29DAABBB4}"/>
              </a:ext>
            </a:extLst>
          </p:cNvPr>
          <p:cNvPicPr>
            <a:picLocks noChangeAspect="1"/>
          </p:cNvPicPr>
          <p:nvPr/>
        </p:nvPicPr>
        <p:blipFill rotWithShape="1">
          <a:blip r:embed="rId16" cstate="screen">
            <a:extLst>
              <a:ext uri="{28A0092B-C50C-407E-A947-70E740481C1C}">
                <a14:useLocalDpi xmlns:a14="http://schemas.microsoft.com/office/drawing/2010/main"/>
              </a:ext>
            </a:extLst>
          </a:blip>
          <a:srcRect/>
          <a:stretch/>
        </p:blipFill>
        <p:spPr>
          <a:xfrm>
            <a:off x="9467158" y="4032892"/>
            <a:ext cx="599348" cy="190317"/>
          </a:xfrm>
          <a:prstGeom prst="rect">
            <a:avLst/>
          </a:prstGeom>
        </p:spPr>
      </p:pic>
      <p:pic>
        <p:nvPicPr>
          <p:cNvPr id="49" name="Picture 48" descr="Icon&#10;&#10;Description automatically generated">
            <a:extLst>
              <a:ext uri="{FF2B5EF4-FFF2-40B4-BE49-F238E27FC236}">
                <a16:creationId xmlns:a16="http://schemas.microsoft.com/office/drawing/2014/main" id="{CD95FA79-D385-42EB-86EC-81C17C91A741}"/>
              </a:ext>
            </a:extLst>
          </p:cNvPr>
          <p:cNvPicPr>
            <a:picLocks noChangeAspect="1"/>
          </p:cNvPicPr>
          <p:nvPr/>
        </p:nvPicPr>
        <p:blipFill>
          <a:blip r:embed="rId17" cstate="screen">
            <a:extLst>
              <a:ext uri="{28A0092B-C50C-407E-A947-70E740481C1C}">
                <a14:useLocalDpi xmlns:a14="http://schemas.microsoft.com/office/drawing/2010/main"/>
              </a:ext>
            </a:extLst>
          </a:blip>
          <a:stretch>
            <a:fillRect/>
          </a:stretch>
        </p:blipFill>
        <p:spPr>
          <a:xfrm>
            <a:off x="5691914" y="1979405"/>
            <a:ext cx="566381" cy="566381"/>
          </a:xfrm>
          <a:prstGeom prst="rect">
            <a:avLst/>
          </a:prstGeom>
        </p:spPr>
      </p:pic>
    </p:spTree>
    <p:custDataLst>
      <p:tags r:id="rId1"/>
    </p:custDataLst>
    <p:extLst>
      <p:ext uri="{BB962C8B-B14F-4D97-AF65-F5344CB8AC3E}">
        <p14:creationId xmlns:p14="http://schemas.microsoft.com/office/powerpoint/2010/main" val="171441276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 person standing in a train station&#10;&#10;Description automatically generated with medium confidence">
            <a:extLst>
              <a:ext uri="{FF2B5EF4-FFF2-40B4-BE49-F238E27FC236}">
                <a16:creationId xmlns:a16="http://schemas.microsoft.com/office/drawing/2014/main" id="{8FD49651-1126-42D8-ADA6-E922095B13CF}"/>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0" y="0"/>
            <a:ext cx="12192000" cy="6876758"/>
          </a:xfrm>
          <a:prstGeom prst="rect">
            <a:avLst/>
          </a:prstGeom>
        </p:spPr>
      </p:pic>
      <p:sp>
        <p:nvSpPr>
          <p:cNvPr id="9" name="Rectangle 8">
            <a:extLst>
              <a:ext uri="{FF2B5EF4-FFF2-40B4-BE49-F238E27FC236}">
                <a16:creationId xmlns:a16="http://schemas.microsoft.com/office/drawing/2014/main" id="{B3B93ACE-951F-4217-A688-B71639EF22D1}"/>
              </a:ext>
            </a:extLst>
          </p:cNvPr>
          <p:cNvSpPr/>
          <p:nvPr/>
        </p:nvSpPr>
        <p:spPr>
          <a:xfrm>
            <a:off x="-2" y="0"/>
            <a:ext cx="9525002" cy="6876758"/>
          </a:xfrm>
          <a:prstGeom prst="rect">
            <a:avLst/>
          </a:prstGeom>
          <a:gradFill flip="none" rotWithShape="1">
            <a:gsLst>
              <a:gs pos="0">
                <a:schemeClr val="accent2"/>
              </a:gs>
              <a:gs pos="85000">
                <a:srgbClr val="019ADD">
                  <a:alpha val="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CD862F72-A88D-4CCB-AA4E-7C8212C2BB53}"/>
              </a:ext>
            </a:extLst>
          </p:cNvPr>
          <p:cNvSpPr/>
          <p:nvPr/>
        </p:nvSpPr>
        <p:spPr>
          <a:xfrm>
            <a:off x="-2" y="0"/>
            <a:ext cx="11553827" cy="6861518"/>
          </a:xfrm>
          <a:prstGeom prst="rect">
            <a:avLst/>
          </a:prstGeom>
          <a:gradFill flip="none" rotWithShape="1">
            <a:gsLst>
              <a:gs pos="0">
                <a:schemeClr val="accent1"/>
              </a:gs>
              <a:gs pos="68000">
                <a:schemeClr val="accent2">
                  <a:alpha val="0"/>
                </a:schemeClr>
              </a:gs>
            </a:gsLst>
            <a:lin ang="30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23641B2B-9728-4083-8212-8709E59B20A4}"/>
              </a:ext>
            </a:extLst>
          </p:cNvPr>
          <p:cNvSpPr>
            <a:spLocks noGrp="1"/>
          </p:cNvSpPr>
          <p:nvPr>
            <p:ph type="ctrTitle"/>
          </p:nvPr>
        </p:nvSpPr>
        <p:spPr>
          <a:xfrm>
            <a:off x="444879" y="2612095"/>
            <a:ext cx="5651121" cy="1620000"/>
          </a:xfrm>
        </p:spPr>
        <p:txBody>
          <a:bodyPr/>
          <a:lstStyle/>
          <a:p>
            <a:r>
              <a:rPr lang="en-GB" dirty="0" err="1">
                <a:latin typeface="Open Sans"/>
                <a:ea typeface="Open Sans"/>
                <a:cs typeface="Open Sans"/>
              </a:rPr>
              <a:t>Městská</a:t>
            </a:r>
            <a:r>
              <a:rPr lang="en-GB" dirty="0">
                <a:latin typeface="Open Sans"/>
                <a:ea typeface="Open Sans"/>
                <a:cs typeface="Open Sans"/>
              </a:rPr>
              <a:t> </a:t>
            </a:r>
            <a:r>
              <a:rPr lang="en-GB" dirty="0" err="1">
                <a:latin typeface="Open Sans"/>
                <a:ea typeface="Open Sans"/>
                <a:cs typeface="Open Sans"/>
              </a:rPr>
              <a:t>doprava</a:t>
            </a:r>
            <a:br>
              <a:rPr lang="da-DK" dirty="0"/>
            </a:br>
            <a:br>
              <a:rPr lang="da-DK" sz="2400" b="0" dirty="0"/>
            </a:br>
            <a:r>
              <a:rPr lang="en-GB" sz="2400" b="0" dirty="0">
                <a:latin typeface="+mj-lt"/>
                <a:ea typeface="Open Sans"/>
                <a:cs typeface="Open Sans"/>
              </a:rPr>
              <a:t>Jak video </a:t>
            </a:r>
            <a:r>
              <a:rPr lang="en-GB" sz="2400" b="0" dirty="0" err="1">
                <a:latin typeface="+mj-lt"/>
                <a:ea typeface="Open Sans"/>
                <a:cs typeface="Open Sans"/>
              </a:rPr>
              <a:t>technologie</a:t>
            </a:r>
            <a:r>
              <a:rPr lang="en-GB" sz="2400" b="0" dirty="0">
                <a:latin typeface="+mj-lt"/>
                <a:ea typeface="Open Sans"/>
                <a:cs typeface="Open Sans"/>
              </a:rPr>
              <a:t> </a:t>
            </a:r>
            <a:r>
              <a:rPr lang="en-GB" sz="2400" b="0" dirty="0" err="1">
                <a:latin typeface="+mj-lt"/>
                <a:ea typeface="Open Sans"/>
                <a:cs typeface="Open Sans"/>
              </a:rPr>
              <a:t>pomáhají</a:t>
            </a:r>
            <a:r>
              <a:rPr lang="en-GB" sz="2400" b="0" dirty="0">
                <a:latin typeface="+mj-lt"/>
                <a:ea typeface="Open Sans"/>
                <a:cs typeface="Open Sans"/>
              </a:rPr>
              <a:t> </a:t>
            </a:r>
            <a:r>
              <a:rPr lang="en-GB" sz="2400" b="0" dirty="0" err="1">
                <a:latin typeface="+mj-lt"/>
                <a:ea typeface="Open Sans"/>
                <a:cs typeface="Open Sans"/>
              </a:rPr>
              <a:t>hlídat</a:t>
            </a:r>
            <a:r>
              <a:rPr lang="en-GB" sz="2400" b="0" dirty="0">
                <a:latin typeface="+mj-lt"/>
                <a:ea typeface="Open Sans"/>
                <a:cs typeface="Open Sans"/>
              </a:rPr>
              <a:t> </a:t>
            </a:r>
            <a:r>
              <a:rPr lang="en-GB" sz="2400" b="0" dirty="0" err="1">
                <a:latin typeface="+mj-lt"/>
                <a:ea typeface="Open Sans"/>
                <a:cs typeface="Open Sans"/>
              </a:rPr>
              <a:t>pohodlnou</a:t>
            </a:r>
            <a:r>
              <a:rPr lang="en-GB" sz="2400" b="0" dirty="0">
                <a:latin typeface="+mj-lt"/>
                <a:ea typeface="Open Sans"/>
                <a:cs typeface="Open Sans"/>
              </a:rPr>
              <a:t> a </a:t>
            </a:r>
            <a:r>
              <a:rPr lang="en-GB" sz="2400" b="0" dirty="0" err="1">
                <a:latin typeface="+mj-lt"/>
                <a:ea typeface="Open Sans"/>
                <a:cs typeface="Open Sans"/>
              </a:rPr>
              <a:t>bezpečnou</a:t>
            </a:r>
            <a:r>
              <a:rPr lang="en-GB" sz="2400" b="0" dirty="0">
                <a:latin typeface="+mj-lt"/>
                <a:ea typeface="Open Sans"/>
                <a:cs typeface="Open Sans"/>
              </a:rPr>
              <a:t> </a:t>
            </a:r>
            <a:r>
              <a:rPr lang="en-GB" sz="2400" b="0" dirty="0" err="1">
                <a:latin typeface="+mj-lt"/>
                <a:ea typeface="Open Sans"/>
                <a:cs typeface="Open Sans"/>
              </a:rPr>
              <a:t>městskou</a:t>
            </a:r>
            <a:r>
              <a:rPr lang="en-GB" sz="2400" b="0" dirty="0">
                <a:latin typeface="+mj-lt"/>
                <a:ea typeface="Open Sans"/>
                <a:cs typeface="Open Sans"/>
              </a:rPr>
              <a:t> </a:t>
            </a:r>
            <a:r>
              <a:rPr lang="en-GB" sz="2400" b="0" dirty="0" err="1">
                <a:latin typeface="+mj-lt"/>
                <a:ea typeface="Open Sans"/>
                <a:cs typeface="Open Sans"/>
              </a:rPr>
              <a:t>dopravu</a:t>
            </a:r>
            <a:r>
              <a:rPr lang="en-GB" sz="2400" b="0" dirty="0">
                <a:latin typeface="+mj-lt"/>
                <a:ea typeface="Open Sans"/>
                <a:cs typeface="Open Sans"/>
              </a:rPr>
              <a:t> ?</a:t>
            </a:r>
          </a:p>
        </p:txBody>
      </p:sp>
      <p:sp>
        <p:nvSpPr>
          <p:cNvPr id="3" name="Footer Placeholder 2">
            <a:extLst>
              <a:ext uri="{FF2B5EF4-FFF2-40B4-BE49-F238E27FC236}">
                <a16:creationId xmlns:a16="http://schemas.microsoft.com/office/drawing/2014/main" id="{E8711295-64E8-4F99-909C-458BF87AFBA2}"/>
              </a:ext>
            </a:extLst>
          </p:cNvPr>
          <p:cNvSpPr>
            <a:spLocks noGrp="1"/>
          </p:cNvSpPr>
          <p:nvPr>
            <p:ph type="ftr" sz="quarter" idx="24"/>
          </p:nvPr>
        </p:nvSpPr>
        <p:spPr/>
        <p:txBody>
          <a:bodyPr/>
          <a:lstStyle/>
          <a:p>
            <a:endParaRPr lang="en-GB"/>
          </a:p>
        </p:txBody>
      </p:sp>
      <p:sp>
        <p:nvSpPr>
          <p:cNvPr id="4" name="Text Placeholder 3">
            <a:extLst>
              <a:ext uri="{FF2B5EF4-FFF2-40B4-BE49-F238E27FC236}">
                <a16:creationId xmlns:a16="http://schemas.microsoft.com/office/drawing/2014/main" id="{E8544400-05A6-4DF0-98CC-F72F3843C15F}"/>
              </a:ext>
            </a:extLst>
          </p:cNvPr>
          <p:cNvSpPr>
            <a:spLocks noGrp="1"/>
          </p:cNvSpPr>
          <p:nvPr>
            <p:ph type="body" sz="quarter" idx="26"/>
          </p:nvPr>
        </p:nvSpPr>
        <p:spPr/>
        <p:txBody>
          <a:bodyPr/>
          <a:lstStyle/>
          <a:p>
            <a:endParaRPr lang="en-GB"/>
          </a:p>
        </p:txBody>
      </p:sp>
      <p:pic>
        <p:nvPicPr>
          <p:cNvPr id="12" name="Picture 11" descr="A picture containing text, businesscard, vector graphics&#10;&#10;Description automatically generated">
            <a:extLst>
              <a:ext uri="{FF2B5EF4-FFF2-40B4-BE49-F238E27FC236}">
                <a16:creationId xmlns:a16="http://schemas.microsoft.com/office/drawing/2014/main" id="{D9C1F2FF-E65C-4F8A-9E65-E58F460FD3F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05429" y="-740179"/>
            <a:ext cx="2737796" cy="2737796"/>
          </a:xfrm>
          <a:prstGeom prst="rect">
            <a:avLst/>
          </a:prstGeom>
        </p:spPr>
      </p:pic>
    </p:spTree>
    <p:custDataLst>
      <p:tags r:id="rId1"/>
    </p:custDataLst>
    <p:extLst>
      <p:ext uri="{BB962C8B-B14F-4D97-AF65-F5344CB8AC3E}">
        <p14:creationId xmlns:p14="http://schemas.microsoft.com/office/powerpoint/2010/main" val="407156850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500" fill="hold"/>
                                        <p:tgtEl>
                                          <p:spTgt spid="2"/>
                                        </p:tgtEl>
                                        <p:attrNameLst>
                                          <p:attrName>ppt_x</p:attrName>
                                        </p:attrNameLst>
                                      </p:cBhvr>
                                      <p:tavLst>
                                        <p:tav tm="0">
                                          <p:val>
                                            <p:strVal val="#ppt_x"/>
                                          </p:val>
                                        </p:tav>
                                        <p:tav tm="100000">
                                          <p:val>
                                            <p:strVal val="#ppt_x"/>
                                          </p:val>
                                        </p:tav>
                                      </p:tavLst>
                                    </p:anim>
                                    <p:anim calcmode="lin" valueType="num">
                                      <p:cBhvr additive="base">
                                        <p:cTn id="8" dur="500" fill="hold"/>
                                        <p:tgtEl>
                                          <p:spTgt spid="2"/>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picture containing text, slot machine, vending machine&#10;&#10;Description automatically generated">
            <a:extLst>
              <a:ext uri="{FF2B5EF4-FFF2-40B4-BE49-F238E27FC236}">
                <a16:creationId xmlns:a16="http://schemas.microsoft.com/office/drawing/2014/main" id="{60F9B625-1A41-4377-8F6E-055144DE59E2}"/>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8780463" y="3495692"/>
            <a:ext cx="3411537" cy="3366753"/>
          </a:xfrm>
          <a:prstGeom prst="rect">
            <a:avLst/>
          </a:prstGeom>
        </p:spPr>
      </p:pic>
      <p:sp>
        <p:nvSpPr>
          <p:cNvPr id="4" name="Text Placeholder 3">
            <a:extLst>
              <a:ext uri="{FF2B5EF4-FFF2-40B4-BE49-F238E27FC236}">
                <a16:creationId xmlns:a16="http://schemas.microsoft.com/office/drawing/2014/main" id="{4F26BC4D-26F9-4863-AE92-9B80D262BA77}"/>
              </a:ext>
            </a:extLst>
          </p:cNvPr>
          <p:cNvSpPr>
            <a:spLocks noGrp="1"/>
          </p:cNvSpPr>
          <p:nvPr>
            <p:ph type="body" sz="quarter" idx="14"/>
          </p:nvPr>
        </p:nvSpPr>
        <p:spPr/>
        <p:txBody>
          <a:bodyPr/>
          <a:lstStyle/>
          <a:p>
            <a:endParaRPr lang="en-GB"/>
          </a:p>
        </p:txBody>
      </p:sp>
      <p:sp>
        <p:nvSpPr>
          <p:cNvPr id="5" name="Footer Placeholder 4">
            <a:extLst>
              <a:ext uri="{FF2B5EF4-FFF2-40B4-BE49-F238E27FC236}">
                <a16:creationId xmlns:a16="http://schemas.microsoft.com/office/drawing/2014/main" id="{4A1C10E3-5C67-4762-956A-5FC470739778}"/>
              </a:ext>
            </a:extLst>
          </p:cNvPr>
          <p:cNvSpPr>
            <a:spLocks noGrp="1"/>
          </p:cNvSpPr>
          <p:nvPr>
            <p:ph type="ftr" sz="quarter" idx="21"/>
          </p:nvPr>
        </p:nvSpPr>
        <p:spPr>
          <a:xfrm>
            <a:off x="1288782" y="6449746"/>
            <a:ext cx="7491681" cy="147600"/>
          </a:xfrm>
        </p:spPr>
        <p:txBody>
          <a:bodyPr/>
          <a:lstStyle/>
          <a:p>
            <a:endParaRPr lang="en-GB"/>
          </a:p>
        </p:txBody>
      </p:sp>
      <p:sp>
        <p:nvSpPr>
          <p:cNvPr id="32" name="Rectangle 31">
            <a:extLst>
              <a:ext uri="{FF2B5EF4-FFF2-40B4-BE49-F238E27FC236}">
                <a16:creationId xmlns:a16="http://schemas.microsoft.com/office/drawing/2014/main" id="{6BE8A6BB-E332-4834-93F6-41FF50E96C7E}"/>
              </a:ext>
            </a:extLst>
          </p:cNvPr>
          <p:cNvSpPr/>
          <p:nvPr/>
        </p:nvSpPr>
        <p:spPr>
          <a:xfrm>
            <a:off x="8780463" y="0"/>
            <a:ext cx="3411537" cy="3500438"/>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50" name="Title 49">
            <a:extLst>
              <a:ext uri="{FF2B5EF4-FFF2-40B4-BE49-F238E27FC236}">
                <a16:creationId xmlns:a16="http://schemas.microsoft.com/office/drawing/2014/main" id="{0B542BF6-513E-4800-98D6-9EAEC7DEED88}"/>
              </a:ext>
            </a:extLst>
          </p:cNvPr>
          <p:cNvSpPr>
            <a:spLocks noGrp="1"/>
          </p:cNvSpPr>
          <p:nvPr>
            <p:ph type="title"/>
          </p:nvPr>
        </p:nvSpPr>
        <p:spPr>
          <a:xfrm>
            <a:off x="447863" y="421240"/>
            <a:ext cx="5070756" cy="1061960"/>
          </a:xfrm>
        </p:spPr>
        <p:txBody>
          <a:bodyPr/>
          <a:lstStyle/>
          <a:p>
            <a:r>
              <a:rPr lang="en-GB" sz="2800" dirty="0" err="1">
                <a:latin typeface="Open Sans Extrabold" panose="020B0906030804020204" pitchFamily="34" charset="0"/>
                <a:ea typeface="Open Sans Extrabold" panose="020B0906030804020204" pitchFamily="34" charset="0"/>
                <a:cs typeface="Open Sans Extrabold" panose="020B0906030804020204" pitchFamily="34" charset="0"/>
              </a:rPr>
              <a:t>Propojená</a:t>
            </a:r>
            <a:r>
              <a:rPr lang="en-GB" sz="2800" dirty="0">
                <a:latin typeface="Open Sans Extrabold" panose="020B0906030804020204" pitchFamily="34" charset="0"/>
                <a:ea typeface="Open Sans Extrabold" panose="020B0906030804020204" pitchFamily="34" charset="0"/>
                <a:cs typeface="Open Sans Extrabold" panose="020B0906030804020204" pitchFamily="34" charset="0"/>
              </a:rPr>
              <a:t> video </a:t>
            </a:r>
            <a:r>
              <a:rPr lang="en-GB" sz="2800" dirty="0" err="1">
                <a:latin typeface="Open Sans Extrabold" panose="020B0906030804020204" pitchFamily="34" charset="0"/>
                <a:ea typeface="Open Sans Extrabold" panose="020B0906030804020204" pitchFamily="34" charset="0"/>
                <a:cs typeface="Open Sans Extrabold" panose="020B0906030804020204" pitchFamily="34" charset="0"/>
              </a:rPr>
              <a:t>řešení</a:t>
            </a:r>
            <a:r>
              <a:rPr lang="en-GB" sz="2800" dirty="0">
                <a:latin typeface="Open Sans Extrabold" panose="020B0906030804020204" pitchFamily="34" charset="0"/>
                <a:ea typeface="Open Sans Extrabold" panose="020B0906030804020204" pitchFamily="34" charset="0"/>
                <a:cs typeface="Open Sans Extrabold" panose="020B0906030804020204" pitchFamily="34" charset="0"/>
              </a:rPr>
              <a:t> pro </a:t>
            </a:r>
            <a:r>
              <a:rPr lang="en-GB" sz="2800" i="1" dirty="0" err="1">
                <a:solidFill>
                  <a:schemeClr val="accent2"/>
                </a:solidFill>
                <a:latin typeface="Open Sans Extrabold" panose="020B0906030804020204" pitchFamily="34" charset="0"/>
                <a:ea typeface="Open Sans Extrabold" panose="020B0906030804020204" pitchFamily="34" charset="0"/>
                <a:cs typeface="Open Sans Extrabold" panose="020B0906030804020204" pitchFamily="34" charset="0"/>
              </a:rPr>
              <a:t>městskou</a:t>
            </a:r>
            <a:r>
              <a:rPr lang="en-GB" sz="2800" i="1" dirty="0">
                <a:solidFill>
                  <a:schemeClr val="accent2"/>
                </a:solidFill>
                <a:latin typeface="Open Sans Extrabold" panose="020B0906030804020204" pitchFamily="34" charset="0"/>
                <a:ea typeface="Open Sans Extrabold" panose="020B0906030804020204" pitchFamily="34" charset="0"/>
                <a:cs typeface="Open Sans Extrabold" panose="020B0906030804020204" pitchFamily="34" charset="0"/>
              </a:rPr>
              <a:t> </a:t>
            </a:r>
            <a:r>
              <a:rPr lang="en-GB" sz="2800" i="1" dirty="0" err="1">
                <a:solidFill>
                  <a:schemeClr val="accent2"/>
                </a:solidFill>
                <a:latin typeface="Open Sans Extrabold" panose="020B0906030804020204" pitchFamily="34" charset="0"/>
                <a:ea typeface="Open Sans Extrabold" panose="020B0906030804020204" pitchFamily="34" charset="0"/>
                <a:cs typeface="Open Sans Extrabold" panose="020B0906030804020204" pitchFamily="34" charset="0"/>
              </a:rPr>
              <a:t>dopravu</a:t>
            </a:r>
            <a:endParaRPr lang="en-GB" dirty="0"/>
          </a:p>
        </p:txBody>
      </p:sp>
      <p:grpSp>
        <p:nvGrpSpPr>
          <p:cNvPr id="11" name="Group 10">
            <a:extLst>
              <a:ext uri="{FF2B5EF4-FFF2-40B4-BE49-F238E27FC236}">
                <a16:creationId xmlns:a16="http://schemas.microsoft.com/office/drawing/2014/main" id="{06965C7B-1B49-4B69-9522-AAC142AF0697}"/>
              </a:ext>
            </a:extLst>
          </p:cNvPr>
          <p:cNvGrpSpPr/>
          <p:nvPr/>
        </p:nvGrpSpPr>
        <p:grpSpPr>
          <a:xfrm>
            <a:off x="509772" y="2704955"/>
            <a:ext cx="1359688" cy="439533"/>
            <a:chOff x="307464" y="2898479"/>
            <a:chExt cx="1924107" cy="621987"/>
          </a:xfrm>
        </p:grpSpPr>
        <p:sp>
          <p:nvSpPr>
            <p:cNvPr id="12" name="TextBox 11">
              <a:extLst>
                <a:ext uri="{FF2B5EF4-FFF2-40B4-BE49-F238E27FC236}">
                  <a16:creationId xmlns:a16="http://schemas.microsoft.com/office/drawing/2014/main" id="{95412782-6D10-42CD-B7DC-583A6B8BFFC6}"/>
                </a:ext>
              </a:extLst>
            </p:cNvPr>
            <p:cNvSpPr txBox="1">
              <a:spLocks/>
            </p:cNvSpPr>
            <p:nvPr/>
          </p:nvSpPr>
          <p:spPr>
            <a:xfrm>
              <a:off x="307464" y="2898479"/>
              <a:ext cx="1924107" cy="522645"/>
            </a:xfrm>
            <a:prstGeom prst="rect">
              <a:avLst/>
            </a:prstGeom>
            <a:noFill/>
          </p:spPr>
          <p:txBody>
            <a:bodyPr wrap="square" lIns="0" tIns="0" rIns="0" bIns="0" rtlCol="0">
              <a:spAutoFit/>
            </a:bodyPr>
            <a:lstStyle/>
            <a:p>
              <a:pPr algn="ctr"/>
              <a:r>
                <a:rPr lang="en-GB" sz="1200" b="1" dirty="0" err="1">
                  <a:solidFill>
                    <a:schemeClr val="accent1"/>
                  </a:solidFill>
                </a:rPr>
                <a:t>Monitorování</a:t>
              </a:r>
              <a:r>
                <a:rPr lang="en-GB" sz="1200" b="1" dirty="0">
                  <a:solidFill>
                    <a:schemeClr val="accent1"/>
                  </a:solidFill>
                </a:rPr>
                <a:t> </a:t>
              </a:r>
              <a:r>
                <a:rPr lang="en-GB" sz="1200" b="1" dirty="0" err="1">
                  <a:solidFill>
                    <a:schemeClr val="accent1"/>
                  </a:solidFill>
                </a:rPr>
                <a:t>provozu</a:t>
              </a:r>
              <a:r>
                <a:rPr lang="en-GB" sz="1200" b="1" dirty="0">
                  <a:solidFill>
                    <a:schemeClr val="accent1"/>
                  </a:solidFill>
                </a:rPr>
                <a:t> a </a:t>
              </a:r>
              <a:r>
                <a:rPr lang="en-GB" sz="1200" b="1" dirty="0" err="1">
                  <a:solidFill>
                    <a:schemeClr val="accent1"/>
                  </a:solidFill>
                </a:rPr>
                <a:t>silnic</a:t>
              </a:r>
              <a:endParaRPr lang="en-GB" sz="1200" b="1" dirty="0">
                <a:solidFill>
                  <a:schemeClr val="tx1">
                    <a:lumMod val="85000"/>
                    <a:lumOff val="15000"/>
                  </a:schemeClr>
                </a:solidFill>
              </a:endParaRPr>
            </a:p>
          </p:txBody>
        </p:sp>
        <p:cxnSp>
          <p:nvCxnSpPr>
            <p:cNvPr id="13" name="Straight Connector 12">
              <a:extLst>
                <a:ext uri="{FF2B5EF4-FFF2-40B4-BE49-F238E27FC236}">
                  <a16:creationId xmlns:a16="http://schemas.microsoft.com/office/drawing/2014/main" id="{67E84B37-150F-4C8E-9861-CC173041E3C3}"/>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84" name="Group 83">
            <a:extLst>
              <a:ext uri="{FF2B5EF4-FFF2-40B4-BE49-F238E27FC236}">
                <a16:creationId xmlns:a16="http://schemas.microsoft.com/office/drawing/2014/main" id="{B1CDF146-0FCD-4E2C-9FE5-694C68673D99}"/>
              </a:ext>
            </a:extLst>
          </p:cNvPr>
          <p:cNvGrpSpPr/>
          <p:nvPr/>
        </p:nvGrpSpPr>
        <p:grpSpPr>
          <a:xfrm>
            <a:off x="2600064" y="2753964"/>
            <a:ext cx="1359688" cy="390524"/>
            <a:chOff x="338495" y="2967832"/>
            <a:chExt cx="1924107" cy="552634"/>
          </a:xfrm>
        </p:grpSpPr>
        <p:sp>
          <p:nvSpPr>
            <p:cNvPr id="86" name="TextBox 85">
              <a:extLst>
                <a:ext uri="{FF2B5EF4-FFF2-40B4-BE49-F238E27FC236}">
                  <a16:creationId xmlns:a16="http://schemas.microsoft.com/office/drawing/2014/main" id="{A3E854A3-5664-4522-A144-49C7F3FD9385}"/>
                </a:ext>
              </a:extLst>
            </p:cNvPr>
            <p:cNvSpPr txBox="1">
              <a:spLocks/>
            </p:cNvSpPr>
            <p:nvPr/>
          </p:nvSpPr>
          <p:spPr>
            <a:xfrm>
              <a:off x="338495" y="2967832"/>
              <a:ext cx="1924107" cy="522645"/>
            </a:xfrm>
            <a:prstGeom prst="rect">
              <a:avLst/>
            </a:prstGeom>
            <a:noFill/>
          </p:spPr>
          <p:txBody>
            <a:bodyPr wrap="square" lIns="0" tIns="0" rIns="0" bIns="0" rtlCol="0">
              <a:spAutoFit/>
            </a:bodyPr>
            <a:lstStyle/>
            <a:p>
              <a:pPr algn="ctr"/>
              <a:r>
                <a:rPr lang="en-GB" sz="1200" b="1" dirty="0" err="1">
                  <a:solidFill>
                    <a:schemeClr val="accent1"/>
                  </a:solidFill>
                </a:rPr>
                <a:t>Chytrá</a:t>
              </a:r>
              <a:endParaRPr lang="en-GB" sz="1200" b="1" dirty="0">
                <a:solidFill>
                  <a:schemeClr val="accent1"/>
                </a:solidFill>
              </a:endParaRPr>
            </a:p>
            <a:p>
              <a:pPr algn="ctr"/>
              <a:r>
                <a:rPr lang="en-GB" sz="1200" b="1" dirty="0" err="1">
                  <a:solidFill>
                    <a:schemeClr val="accent1"/>
                  </a:solidFill>
                </a:rPr>
                <a:t>parkoviště</a:t>
              </a:r>
              <a:endParaRPr lang="en-GB" sz="1200" b="1" dirty="0">
                <a:solidFill>
                  <a:schemeClr val="tx1">
                    <a:lumMod val="85000"/>
                    <a:lumOff val="15000"/>
                  </a:schemeClr>
                </a:solidFill>
              </a:endParaRPr>
            </a:p>
          </p:txBody>
        </p:sp>
        <p:cxnSp>
          <p:nvCxnSpPr>
            <p:cNvPr id="87" name="Straight Connector 86">
              <a:extLst>
                <a:ext uri="{FF2B5EF4-FFF2-40B4-BE49-F238E27FC236}">
                  <a16:creationId xmlns:a16="http://schemas.microsoft.com/office/drawing/2014/main" id="{ADACB244-AF1C-4F7A-AB8E-A357076EDE75}"/>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5ED6D874-68A0-4102-86FE-C1A1B6865BFA}"/>
              </a:ext>
            </a:extLst>
          </p:cNvPr>
          <p:cNvGrpSpPr/>
          <p:nvPr/>
        </p:nvGrpSpPr>
        <p:grpSpPr>
          <a:xfrm>
            <a:off x="4692617" y="2704956"/>
            <a:ext cx="1359688" cy="677108"/>
            <a:chOff x="307464" y="2898479"/>
            <a:chExt cx="1924107" cy="958181"/>
          </a:xfrm>
        </p:grpSpPr>
        <p:sp>
          <p:nvSpPr>
            <p:cNvPr id="91" name="TextBox 90">
              <a:extLst>
                <a:ext uri="{FF2B5EF4-FFF2-40B4-BE49-F238E27FC236}">
                  <a16:creationId xmlns:a16="http://schemas.microsoft.com/office/drawing/2014/main" id="{17A6AB14-7D79-43A7-A74D-D4A1C37B2CF0}"/>
                </a:ext>
              </a:extLst>
            </p:cNvPr>
            <p:cNvSpPr txBox="1">
              <a:spLocks/>
            </p:cNvSpPr>
            <p:nvPr/>
          </p:nvSpPr>
          <p:spPr>
            <a:xfrm>
              <a:off x="307464" y="2898479"/>
              <a:ext cx="1924107" cy="958181"/>
            </a:xfrm>
            <a:prstGeom prst="rect">
              <a:avLst/>
            </a:prstGeom>
            <a:noFill/>
          </p:spPr>
          <p:txBody>
            <a:bodyPr wrap="square" lIns="0" tIns="0" rIns="0" bIns="0" rtlCol="0">
              <a:spAutoFit/>
            </a:bodyPr>
            <a:lstStyle/>
            <a:p>
              <a:pPr algn="ctr"/>
              <a:r>
                <a:rPr lang="en-GB" sz="1200" b="1" dirty="0" err="1">
                  <a:solidFill>
                    <a:schemeClr val="accent1"/>
                  </a:solidFill>
                </a:rPr>
                <a:t>Analýza</a:t>
              </a:r>
              <a:r>
                <a:rPr lang="en-GB" sz="1200" b="1" dirty="0">
                  <a:solidFill>
                    <a:schemeClr val="accent1"/>
                  </a:solidFill>
                </a:rPr>
                <a:t> </a:t>
              </a:r>
              <a:r>
                <a:rPr lang="en-GB" sz="1200" b="1" dirty="0" err="1">
                  <a:solidFill>
                    <a:schemeClr val="accent1"/>
                  </a:solidFill>
                </a:rPr>
                <a:t>dopravního</a:t>
              </a:r>
              <a:r>
                <a:rPr lang="en-GB" sz="1200" b="1" dirty="0">
                  <a:solidFill>
                    <a:schemeClr val="accent1"/>
                  </a:solidFill>
                </a:rPr>
                <a:t> </a:t>
              </a:r>
            </a:p>
            <a:p>
              <a:pPr algn="ctr"/>
              <a:r>
                <a:rPr lang="en-GB" sz="1200" b="1" dirty="0" err="1">
                  <a:solidFill>
                    <a:schemeClr val="accent1"/>
                  </a:solidFill>
                </a:rPr>
                <a:t>toku</a:t>
              </a:r>
              <a:endParaRPr lang="en-GB" sz="1200" b="1" dirty="0">
                <a:solidFill>
                  <a:schemeClr val="tx1">
                    <a:lumMod val="85000"/>
                    <a:lumOff val="15000"/>
                  </a:schemeClr>
                </a:solidFill>
              </a:endParaRPr>
            </a:p>
            <a:p>
              <a:pPr algn="ctr"/>
              <a:r>
                <a:rPr lang="en-GB" sz="800" dirty="0">
                  <a:solidFill>
                    <a:srgbClr val="C00000"/>
                  </a:solidFill>
                </a:rPr>
                <a:t> </a:t>
              </a:r>
              <a:endParaRPr lang="en-GB" dirty="0"/>
            </a:p>
          </p:txBody>
        </p:sp>
        <p:cxnSp>
          <p:nvCxnSpPr>
            <p:cNvPr id="92" name="Straight Connector 91">
              <a:extLst>
                <a:ext uri="{FF2B5EF4-FFF2-40B4-BE49-F238E27FC236}">
                  <a16:creationId xmlns:a16="http://schemas.microsoft.com/office/drawing/2014/main" id="{B8EE07D2-9EC8-40BA-8C1D-F22FA761172C}"/>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2E92A79-5F6D-46B4-B487-2EF77B95A807}"/>
              </a:ext>
            </a:extLst>
          </p:cNvPr>
          <p:cNvGrpSpPr/>
          <p:nvPr/>
        </p:nvGrpSpPr>
        <p:grpSpPr>
          <a:xfrm>
            <a:off x="6857642" y="2704956"/>
            <a:ext cx="1359688" cy="439533"/>
            <a:chOff x="307464" y="2898479"/>
            <a:chExt cx="1924107" cy="621987"/>
          </a:xfrm>
        </p:grpSpPr>
        <p:sp>
          <p:nvSpPr>
            <p:cNvPr id="96" name="TextBox 95">
              <a:extLst>
                <a:ext uri="{FF2B5EF4-FFF2-40B4-BE49-F238E27FC236}">
                  <a16:creationId xmlns:a16="http://schemas.microsoft.com/office/drawing/2014/main" id="{D1C52381-A057-4957-A6BD-E68C41017471}"/>
                </a:ext>
              </a:extLst>
            </p:cNvPr>
            <p:cNvSpPr txBox="1">
              <a:spLocks/>
            </p:cNvSpPr>
            <p:nvPr/>
          </p:nvSpPr>
          <p:spPr>
            <a:xfrm>
              <a:off x="307464" y="2898479"/>
              <a:ext cx="1924107" cy="522645"/>
            </a:xfrm>
            <a:prstGeom prst="rect">
              <a:avLst/>
            </a:prstGeom>
            <a:noFill/>
          </p:spPr>
          <p:txBody>
            <a:bodyPr wrap="square" lIns="0" tIns="0" rIns="0" bIns="0" rtlCol="0" anchor="t">
              <a:spAutoFit/>
            </a:bodyPr>
            <a:lstStyle/>
            <a:p>
              <a:pPr algn="ctr"/>
              <a:r>
                <a:rPr lang="en-GB" sz="1200" b="1" dirty="0" err="1">
                  <a:solidFill>
                    <a:schemeClr val="accent1"/>
                  </a:solidFill>
                </a:rPr>
                <a:t>Trasa</a:t>
              </a:r>
              <a:r>
                <a:rPr lang="en-GB" sz="1200" b="1" dirty="0">
                  <a:solidFill>
                    <a:schemeClr val="accent1"/>
                  </a:solidFill>
                </a:rPr>
                <a:t> a </a:t>
              </a:r>
              <a:r>
                <a:rPr lang="en-GB" sz="1200" b="1" dirty="0" err="1">
                  <a:solidFill>
                    <a:schemeClr val="accent1"/>
                  </a:solidFill>
                </a:rPr>
                <a:t>plánování</a:t>
              </a:r>
              <a:endParaRPr lang="en-GB" sz="1200" b="1" dirty="0">
                <a:solidFill>
                  <a:schemeClr val="accent1"/>
                </a:solidFill>
              </a:endParaRPr>
            </a:p>
            <a:p>
              <a:pPr algn="ctr"/>
              <a:r>
                <a:rPr lang="en-GB" sz="1200" b="1" dirty="0" err="1">
                  <a:solidFill>
                    <a:schemeClr val="accent1"/>
                  </a:solidFill>
                </a:rPr>
                <a:t>optimalizace</a:t>
              </a:r>
              <a:endParaRPr lang="en-GB" sz="1200" b="1" dirty="0">
                <a:solidFill>
                  <a:schemeClr val="accent1"/>
                </a:solidFill>
                <a:ea typeface="Open Sans"/>
                <a:cs typeface="Open Sans"/>
              </a:endParaRPr>
            </a:p>
          </p:txBody>
        </p:sp>
        <p:cxnSp>
          <p:nvCxnSpPr>
            <p:cNvPr id="97" name="Straight Connector 96">
              <a:extLst>
                <a:ext uri="{FF2B5EF4-FFF2-40B4-BE49-F238E27FC236}">
                  <a16:creationId xmlns:a16="http://schemas.microsoft.com/office/drawing/2014/main" id="{E9E7C18E-16BC-4BED-89FF-AA819FAAAD6B}"/>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99" name="Group 98">
            <a:extLst>
              <a:ext uri="{FF2B5EF4-FFF2-40B4-BE49-F238E27FC236}">
                <a16:creationId xmlns:a16="http://schemas.microsoft.com/office/drawing/2014/main" id="{B7E8DFB7-6358-4CEF-A1E7-CD6D7E08B88E}"/>
              </a:ext>
            </a:extLst>
          </p:cNvPr>
          <p:cNvGrpSpPr/>
          <p:nvPr/>
        </p:nvGrpSpPr>
        <p:grpSpPr>
          <a:xfrm>
            <a:off x="1456504" y="4978976"/>
            <a:ext cx="1495657" cy="439531"/>
            <a:chOff x="394923" y="2898479"/>
            <a:chExt cx="1749188" cy="621985"/>
          </a:xfrm>
        </p:grpSpPr>
        <p:sp>
          <p:nvSpPr>
            <p:cNvPr id="101" name="TextBox 100">
              <a:extLst>
                <a:ext uri="{FF2B5EF4-FFF2-40B4-BE49-F238E27FC236}">
                  <a16:creationId xmlns:a16="http://schemas.microsoft.com/office/drawing/2014/main" id="{3E74026F-224E-449C-A2B3-412C65E0F2C0}"/>
                </a:ext>
              </a:extLst>
            </p:cNvPr>
            <p:cNvSpPr txBox="1">
              <a:spLocks/>
            </p:cNvSpPr>
            <p:nvPr/>
          </p:nvSpPr>
          <p:spPr>
            <a:xfrm>
              <a:off x="394923" y="2898479"/>
              <a:ext cx="1749188" cy="522645"/>
            </a:xfrm>
            <a:prstGeom prst="rect">
              <a:avLst/>
            </a:prstGeom>
            <a:noFill/>
          </p:spPr>
          <p:txBody>
            <a:bodyPr wrap="square" lIns="0" tIns="0" rIns="0" bIns="0" rtlCol="0" anchor="t">
              <a:spAutoFit/>
            </a:bodyPr>
            <a:lstStyle/>
            <a:p>
              <a:pPr algn="ctr"/>
              <a:r>
                <a:rPr lang="en-GB" sz="1200" b="1" dirty="0" err="1">
                  <a:solidFill>
                    <a:schemeClr val="accent1"/>
                  </a:solidFill>
                </a:rPr>
                <a:t>Pandemický</a:t>
              </a:r>
              <a:endParaRPr lang="en-GB" sz="1200" b="1" dirty="0">
                <a:solidFill>
                  <a:schemeClr val="accent1"/>
                </a:solidFill>
              </a:endParaRPr>
            </a:p>
            <a:p>
              <a:pPr algn="ctr"/>
              <a:r>
                <a:rPr lang="en-GB" sz="1200" b="1" dirty="0" err="1">
                  <a:solidFill>
                    <a:schemeClr val="accent1"/>
                  </a:solidFill>
                </a:rPr>
                <a:t>Odezva</a:t>
              </a:r>
              <a:endParaRPr lang="en-GB" sz="1200" b="1" dirty="0">
                <a:solidFill>
                  <a:schemeClr val="accent1"/>
                </a:solidFill>
                <a:ea typeface="Open Sans"/>
                <a:cs typeface="Open Sans"/>
              </a:endParaRPr>
            </a:p>
          </p:txBody>
        </p:sp>
        <p:cxnSp>
          <p:nvCxnSpPr>
            <p:cNvPr id="102" name="Straight Connector 101">
              <a:extLst>
                <a:ext uri="{FF2B5EF4-FFF2-40B4-BE49-F238E27FC236}">
                  <a16:creationId xmlns:a16="http://schemas.microsoft.com/office/drawing/2014/main" id="{0CDD2A2C-A775-46BD-AD72-4527AED014D3}"/>
                </a:ext>
              </a:extLst>
            </p:cNvPr>
            <p:cNvCxnSpPr>
              <a:cxnSpLocks/>
            </p:cNvCxnSpPr>
            <p:nvPr/>
          </p:nvCxnSpPr>
          <p:spPr>
            <a:xfrm>
              <a:off x="1053805" y="3520464"/>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104" name="Group 103">
            <a:extLst>
              <a:ext uri="{FF2B5EF4-FFF2-40B4-BE49-F238E27FC236}">
                <a16:creationId xmlns:a16="http://schemas.microsoft.com/office/drawing/2014/main" id="{A4254C72-C8F0-4ACD-98D8-303630738441}"/>
              </a:ext>
            </a:extLst>
          </p:cNvPr>
          <p:cNvGrpSpPr/>
          <p:nvPr/>
        </p:nvGrpSpPr>
        <p:grpSpPr>
          <a:xfrm>
            <a:off x="3600600" y="4978981"/>
            <a:ext cx="1359688" cy="553998"/>
            <a:chOff x="307464" y="2898479"/>
            <a:chExt cx="1924107" cy="783967"/>
          </a:xfrm>
        </p:grpSpPr>
        <p:sp>
          <p:nvSpPr>
            <p:cNvPr id="106" name="TextBox 105">
              <a:extLst>
                <a:ext uri="{FF2B5EF4-FFF2-40B4-BE49-F238E27FC236}">
                  <a16:creationId xmlns:a16="http://schemas.microsoft.com/office/drawing/2014/main" id="{2F2B04D6-56D6-48DB-82A5-FF03DA0D5AA2}"/>
                </a:ext>
              </a:extLst>
            </p:cNvPr>
            <p:cNvSpPr txBox="1">
              <a:spLocks/>
            </p:cNvSpPr>
            <p:nvPr/>
          </p:nvSpPr>
          <p:spPr>
            <a:xfrm>
              <a:off x="307464" y="2898479"/>
              <a:ext cx="1924107" cy="783967"/>
            </a:xfrm>
            <a:prstGeom prst="rect">
              <a:avLst/>
            </a:prstGeom>
            <a:noFill/>
          </p:spPr>
          <p:txBody>
            <a:bodyPr wrap="square" lIns="0" tIns="0" rIns="0" bIns="0" rtlCol="0">
              <a:spAutoFit/>
            </a:bodyPr>
            <a:lstStyle/>
            <a:p>
              <a:pPr algn="ctr"/>
              <a:r>
                <a:rPr lang="en-GB" sz="1200" b="1" dirty="0" err="1">
                  <a:solidFill>
                    <a:schemeClr val="accent1"/>
                  </a:solidFill>
                </a:rPr>
                <a:t>Analýza</a:t>
              </a:r>
              <a:r>
                <a:rPr lang="en-GB" sz="1200" b="1" dirty="0">
                  <a:solidFill>
                    <a:schemeClr val="accent1"/>
                  </a:solidFill>
                </a:rPr>
                <a:t> a </a:t>
              </a:r>
              <a:r>
                <a:rPr lang="en-GB" sz="1200" b="1" dirty="0" err="1">
                  <a:solidFill>
                    <a:schemeClr val="accent1"/>
                  </a:solidFill>
                </a:rPr>
                <a:t>optimalizace</a:t>
              </a:r>
              <a:r>
                <a:rPr lang="en-GB" sz="1200" b="1" dirty="0">
                  <a:solidFill>
                    <a:schemeClr val="accent1"/>
                  </a:solidFill>
                </a:rPr>
                <a:t> mobility</a:t>
              </a:r>
              <a:endParaRPr lang="en-GB" dirty="0"/>
            </a:p>
          </p:txBody>
        </p:sp>
        <p:cxnSp>
          <p:nvCxnSpPr>
            <p:cNvPr id="107" name="Straight Connector 106">
              <a:extLst>
                <a:ext uri="{FF2B5EF4-FFF2-40B4-BE49-F238E27FC236}">
                  <a16:creationId xmlns:a16="http://schemas.microsoft.com/office/drawing/2014/main" id="{3C6C8A0D-708B-4D2A-8D9E-FF89DE108B8E}"/>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109" name="Group 108">
            <a:extLst>
              <a:ext uri="{FF2B5EF4-FFF2-40B4-BE49-F238E27FC236}">
                <a16:creationId xmlns:a16="http://schemas.microsoft.com/office/drawing/2014/main" id="{CC79091A-76C8-472A-BC5F-D98A337B2CA8}"/>
              </a:ext>
            </a:extLst>
          </p:cNvPr>
          <p:cNvGrpSpPr/>
          <p:nvPr/>
        </p:nvGrpSpPr>
        <p:grpSpPr>
          <a:xfrm>
            <a:off x="5645152" y="4978978"/>
            <a:ext cx="1495657" cy="646331"/>
            <a:chOff x="211259" y="2898479"/>
            <a:chExt cx="2116518" cy="914629"/>
          </a:xfrm>
        </p:grpSpPr>
        <p:sp>
          <p:nvSpPr>
            <p:cNvPr id="111" name="TextBox 110">
              <a:extLst>
                <a:ext uri="{FF2B5EF4-FFF2-40B4-BE49-F238E27FC236}">
                  <a16:creationId xmlns:a16="http://schemas.microsoft.com/office/drawing/2014/main" id="{2CF5575D-A0A8-42AE-AF4F-BD9B62B55A74}"/>
                </a:ext>
              </a:extLst>
            </p:cNvPr>
            <p:cNvSpPr txBox="1">
              <a:spLocks/>
            </p:cNvSpPr>
            <p:nvPr/>
          </p:nvSpPr>
          <p:spPr>
            <a:xfrm>
              <a:off x="211259" y="2898479"/>
              <a:ext cx="2116518" cy="914629"/>
            </a:xfrm>
            <a:prstGeom prst="rect">
              <a:avLst/>
            </a:prstGeom>
            <a:noFill/>
          </p:spPr>
          <p:txBody>
            <a:bodyPr wrap="square" lIns="0" tIns="0" rIns="0" bIns="0" rtlCol="0">
              <a:spAutoFit/>
            </a:bodyPr>
            <a:lstStyle/>
            <a:p>
              <a:pPr algn="ctr"/>
              <a:r>
                <a:rPr lang="en-GB" sz="1200" b="1" dirty="0" err="1">
                  <a:solidFill>
                    <a:schemeClr val="accent1"/>
                  </a:solidFill>
                </a:rPr>
                <a:t>Řízení</a:t>
              </a:r>
              <a:r>
                <a:rPr lang="en-GB" sz="1200" b="1" dirty="0">
                  <a:solidFill>
                    <a:schemeClr val="accent1"/>
                  </a:solidFill>
                </a:rPr>
                <a:t> </a:t>
              </a:r>
              <a:r>
                <a:rPr lang="en-GB" sz="1200" b="1" dirty="0" err="1">
                  <a:solidFill>
                    <a:schemeClr val="accent1"/>
                  </a:solidFill>
                </a:rPr>
                <a:t>dopravních</a:t>
              </a:r>
              <a:r>
                <a:rPr lang="en-GB" sz="1200" b="1" dirty="0">
                  <a:solidFill>
                    <a:schemeClr val="accent1"/>
                  </a:solidFill>
                </a:rPr>
                <a:t> </a:t>
              </a:r>
              <a:r>
                <a:rPr lang="en-GB" sz="1200" b="1" dirty="0" err="1">
                  <a:solidFill>
                    <a:schemeClr val="accent1"/>
                  </a:solidFill>
                </a:rPr>
                <a:t>nehod</a:t>
              </a:r>
              <a:endParaRPr lang="en-GB" sz="1200" b="1" dirty="0">
                <a:solidFill>
                  <a:schemeClr val="tx1">
                    <a:lumMod val="85000"/>
                    <a:lumOff val="15000"/>
                  </a:schemeClr>
                </a:solidFill>
              </a:endParaRPr>
            </a:p>
            <a:p>
              <a:pPr algn="ctr"/>
              <a:endParaRPr lang="en-GB" dirty="0"/>
            </a:p>
          </p:txBody>
        </p:sp>
        <p:cxnSp>
          <p:nvCxnSpPr>
            <p:cNvPr id="112" name="Straight Connector 111">
              <a:extLst>
                <a:ext uri="{FF2B5EF4-FFF2-40B4-BE49-F238E27FC236}">
                  <a16:creationId xmlns:a16="http://schemas.microsoft.com/office/drawing/2014/main" id="{9BB94B4B-76D4-4B71-98F1-5D9B7BDBE43C}"/>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pic>
        <p:nvPicPr>
          <p:cNvPr id="6" name="Picture 5" descr="Icon&#10;&#10;Description automatically generated">
            <a:extLst>
              <a:ext uri="{FF2B5EF4-FFF2-40B4-BE49-F238E27FC236}">
                <a16:creationId xmlns:a16="http://schemas.microsoft.com/office/drawing/2014/main" id="{76F1C2B5-99F3-40DC-A84E-C92452287818}"/>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907016" y="1919989"/>
            <a:ext cx="565200" cy="565200"/>
          </a:xfrm>
          <a:prstGeom prst="rect">
            <a:avLst/>
          </a:prstGeom>
        </p:spPr>
      </p:pic>
      <p:pic>
        <p:nvPicPr>
          <p:cNvPr id="10" name="Picture 9" descr="A picture containing text, sign&#10;&#10;Description automatically generated">
            <a:extLst>
              <a:ext uri="{FF2B5EF4-FFF2-40B4-BE49-F238E27FC236}">
                <a16:creationId xmlns:a16="http://schemas.microsoft.com/office/drawing/2014/main" id="{12045E0A-585E-424F-A529-EFF1D7291AFB}"/>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2972855" y="1927593"/>
            <a:ext cx="565200" cy="565200"/>
          </a:xfrm>
          <a:prstGeom prst="rect">
            <a:avLst/>
          </a:prstGeom>
        </p:spPr>
      </p:pic>
      <p:pic>
        <p:nvPicPr>
          <p:cNvPr id="15" name="Picture 14" descr="Icon&#10;&#10;Description automatically generated">
            <a:extLst>
              <a:ext uri="{FF2B5EF4-FFF2-40B4-BE49-F238E27FC236}">
                <a16:creationId xmlns:a16="http://schemas.microsoft.com/office/drawing/2014/main" id="{AB4AB9DA-A5D9-4E63-A76F-F3E7E400BD5F}"/>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5089861" y="1933719"/>
            <a:ext cx="565200" cy="565200"/>
          </a:xfrm>
          <a:prstGeom prst="rect">
            <a:avLst/>
          </a:prstGeom>
        </p:spPr>
      </p:pic>
      <p:pic>
        <p:nvPicPr>
          <p:cNvPr id="17" name="Picture 16" descr="Icon&#10;&#10;Description automatically generated">
            <a:extLst>
              <a:ext uri="{FF2B5EF4-FFF2-40B4-BE49-F238E27FC236}">
                <a16:creationId xmlns:a16="http://schemas.microsoft.com/office/drawing/2014/main" id="{9EE0E3D3-CA5D-42D3-84E7-CBB5323861BC}"/>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7254886" y="1882645"/>
            <a:ext cx="565200" cy="565200"/>
          </a:xfrm>
          <a:prstGeom prst="rect">
            <a:avLst/>
          </a:prstGeom>
        </p:spPr>
      </p:pic>
      <p:pic>
        <p:nvPicPr>
          <p:cNvPr id="19" name="Picture 18" descr="Icon&#10;&#10;Description automatically generated">
            <a:extLst>
              <a:ext uri="{FF2B5EF4-FFF2-40B4-BE49-F238E27FC236}">
                <a16:creationId xmlns:a16="http://schemas.microsoft.com/office/drawing/2014/main" id="{D87B3443-7265-48D2-BD44-DF004BC6F03F}"/>
              </a:ext>
            </a:extLst>
          </p:cNvPr>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1921732" y="4246401"/>
            <a:ext cx="565200" cy="565200"/>
          </a:xfrm>
          <a:prstGeom prst="rect">
            <a:avLst/>
          </a:prstGeom>
        </p:spPr>
      </p:pic>
      <p:pic>
        <p:nvPicPr>
          <p:cNvPr id="21" name="Picture 20" descr="Icon&#10;&#10;Description automatically generated with low confidence">
            <a:extLst>
              <a:ext uri="{FF2B5EF4-FFF2-40B4-BE49-F238E27FC236}">
                <a16:creationId xmlns:a16="http://schemas.microsoft.com/office/drawing/2014/main" id="{F6A53C33-0594-4C6F-9591-D8985E475CEF}"/>
              </a:ext>
            </a:extLst>
          </p:cNvPr>
          <p:cNvPicPr>
            <a:picLocks noChangeAspect="1"/>
          </p:cNvPicPr>
          <p:nvPr/>
        </p:nvPicPr>
        <p:blipFill>
          <a:blip r:embed="rId10" cstate="screen">
            <a:extLst>
              <a:ext uri="{28A0092B-C50C-407E-A947-70E740481C1C}">
                <a14:useLocalDpi xmlns:a14="http://schemas.microsoft.com/office/drawing/2010/main"/>
              </a:ext>
            </a:extLst>
          </a:blip>
          <a:stretch>
            <a:fillRect/>
          </a:stretch>
        </p:blipFill>
        <p:spPr>
          <a:xfrm>
            <a:off x="3997844" y="4244234"/>
            <a:ext cx="565200" cy="565200"/>
          </a:xfrm>
          <a:prstGeom prst="rect">
            <a:avLst/>
          </a:prstGeom>
        </p:spPr>
      </p:pic>
      <p:pic>
        <p:nvPicPr>
          <p:cNvPr id="23" name="Picture 22" descr="Icon&#10;&#10;Description automatically generated">
            <a:extLst>
              <a:ext uri="{FF2B5EF4-FFF2-40B4-BE49-F238E27FC236}">
                <a16:creationId xmlns:a16="http://schemas.microsoft.com/office/drawing/2014/main" id="{1CF424D6-4908-41E1-844C-D73E43957742}"/>
              </a:ext>
            </a:extLst>
          </p:cNvPr>
          <p:cNvPicPr>
            <a:picLocks noChangeAspect="1"/>
          </p:cNvPicPr>
          <p:nvPr/>
        </p:nvPicPr>
        <p:blipFill>
          <a:blip r:embed="rId11" cstate="screen">
            <a:extLst>
              <a:ext uri="{28A0092B-C50C-407E-A947-70E740481C1C}">
                <a14:useLocalDpi xmlns:a14="http://schemas.microsoft.com/office/drawing/2010/main"/>
              </a:ext>
            </a:extLst>
          </a:blip>
          <a:stretch>
            <a:fillRect/>
          </a:stretch>
        </p:blipFill>
        <p:spPr>
          <a:xfrm>
            <a:off x="6106553" y="4244234"/>
            <a:ext cx="565200" cy="565200"/>
          </a:xfrm>
          <a:prstGeom prst="rect">
            <a:avLst/>
          </a:prstGeom>
        </p:spPr>
      </p:pic>
      <p:pic>
        <p:nvPicPr>
          <p:cNvPr id="36" name="Picture 35" descr="A picture containing text, businesscard, vector graphics&#10;&#10;Description automatically generated">
            <a:extLst>
              <a:ext uri="{FF2B5EF4-FFF2-40B4-BE49-F238E27FC236}">
                <a16:creationId xmlns:a16="http://schemas.microsoft.com/office/drawing/2014/main" id="{A09FD62B-415B-4289-AA06-D4D01B9C0DFE}"/>
              </a:ext>
            </a:extLst>
          </p:cNvPr>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8676283" y="-817330"/>
            <a:ext cx="3577788" cy="3577788"/>
          </a:xfrm>
          <a:prstGeom prst="rect">
            <a:avLst/>
          </a:prstGeom>
        </p:spPr>
      </p:pic>
    </p:spTree>
    <p:custDataLst>
      <p:tags r:id="rId1"/>
    </p:custDataLst>
    <p:extLst>
      <p:ext uri="{BB962C8B-B14F-4D97-AF65-F5344CB8AC3E}">
        <p14:creationId xmlns:p14="http://schemas.microsoft.com/office/powerpoint/2010/main" val="130220033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A person running on a road&#10;&#10;Description automatically generated with low confidence">
            <a:extLst>
              <a:ext uri="{FF2B5EF4-FFF2-40B4-BE49-F238E27FC236}">
                <a16:creationId xmlns:a16="http://schemas.microsoft.com/office/drawing/2014/main" id="{5070C54A-984C-4C2B-B7F3-BF9959055504}"/>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3240" y="0"/>
            <a:ext cx="12188760" cy="6858000"/>
          </a:xfrm>
          <a:prstGeom prst="rect">
            <a:avLst/>
          </a:prstGeom>
        </p:spPr>
      </p:pic>
      <p:sp>
        <p:nvSpPr>
          <p:cNvPr id="9" name="Rectangle 8">
            <a:extLst>
              <a:ext uri="{FF2B5EF4-FFF2-40B4-BE49-F238E27FC236}">
                <a16:creationId xmlns:a16="http://schemas.microsoft.com/office/drawing/2014/main" id="{B3B93ACE-951F-4217-A688-B71639EF22D1}"/>
              </a:ext>
            </a:extLst>
          </p:cNvPr>
          <p:cNvSpPr/>
          <p:nvPr/>
        </p:nvSpPr>
        <p:spPr>
          <a:xfrm>
            <a:off x="-2" y="0"/>
            <a:ext cx="9525002" cy="6876758"/>
          </a:xfrm>
          <a:prstGeom prst="rect">
            <a:avLst/>
          </a:prstGeom>
          <a:gradFill flip="none" rotWithShape="1">
            <a:gsLst>
              <a:gs pos="0">
                <a:schemeClr val="accent2"/>
              </a:gs>
              <a:gs pos="85000">
                <a:srgbClr val="019ADD">
                  <a:alpha val="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Rectangle 7">
            <a:extLst>
              <a:ext uri="{FF2B5EF4-FFF2-40B4-BE49-F238E27FC236}">
                <a16:creationId xmlns:a16="http://schemas.microsoft.com/office/drawing/2014/main" id="{CD862F72-A88D-4CCB-AA4E-7C8212C2BB53}"/>
              </a:ext>
            </a:extLst>
          </p:cNvPr>
          <p:cNvSpPr/>
          <p:nvPr/>
        </p:nvSpPr>
        <p:spPr>
          <a:xfrm>
            <a:off x="-3242" y="0"/>
            <a:ext cx="12195242" cy="6858000"/>
          </a:xfrm>
          <a:prstGeom prst="rect">
            <a:avLst/>
          </a:prstGeom>
          <a:gradFill flip="none" rotWithShape="1">
            <a:gsLst>
              <a:gs pos="0">
                <a:schemeClr val="accent1"/>
              </a:gs>
              <a:gs pos="68000">
                <a:schemeClr val="accent2">
                  <a:alpha val="0"/>
                </a:schemeClr>
              </a:gs>
            </a:gsLst>
            <a:lin ang="30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23641B2B-9728-4083-8212-8709E59B20A4}"/>
              </a:ext>
            </a:extLst>
          </p:cNvPr>
          <p:cNvSpPr>
            <a:spLocks noGrp="1"/>
          </p:cNvSpPr>
          <p:nvPr>
            <p:ph type="ctrTitle"/>
          </p:nvPr>
        </p:nvSpPr>
        <p:spPr>
          <a:xfrm>
            <a:off x="444879" y="2612095"/>
            <a:ext cx="6367401" cy="1620000"/>
          </a:xfrm>
        </p:spPr>
        <p:txBody>
          <a:bodyPr/>
          <a:lstStyle/>
          <a:p>
            <a:r>
              <a:rPr lang="en-GB" dirty="0" err="1">
                <a:latin typeface="Open Sans"/>
                <a:ea typeface="Open Sans"/>
                <a:cs typeface="Open Sans"/>
              </a:rPr>
              <a:t>Udržitelná</a:t>
            </a:r>
            <a:r>
              <a:rPr lang="en-GB" dirty="0">
                <a:latin typeface="Open Sans"/>
                <a:ea typeface="Open Sans"/>
                <a:cs typeface="Open Sans"/>
              </a:rPr>
              <a:t> </a:t>
            </a:r>
            <a:r>
              <a:rPr lang="en-GB" dirty="0" err="1">
                <a:latin typeface="Open Sans"/>
                <a:ea typeface="Open Sans"/>
                <a:cs typeface="Open Sans"/>
              </a:rPr>
              <a:t>města</a:t>
            </a:r>
            <a:br>
              <a:rPr lang="da-DK" dirty="0"/>
            </a:br>
            <a:br>
              <a:rPr lang="da-DK" sz="2400" b="0" dirty="0"/>
            </a:br>
            <a:r>
              <a:rPr lang="en-GB" sz="2400" b="0" dirty="0">
                <a:latin typeface="+mj-lt"/>
                <a:ea typeface="Open Sans"/>
                <a:cs typeface="Open Sans"/>
              </a:rPr>
              <a:t>Jak video </a:t>
            </a:r>
            <a:r>
              <a:rPr lang="en-GB" sz="2400" b="0" dirty="0" err="1">
                <a:latin typeface="+mj-lt"/>
                <a:ea typeface="Open Sans"/>
                <a:cs typeface="Open Sans"/>
              </a:rPr>
              <a:t>technologie</a:t>
            </a:r>
            <a:r>
              <a:rPr lang="en-GB" sz="2400" b="0" dirty="0">
                <a:latin typeface="+mj-lt"/>
                <a:ea typeface="Open Sans"/>
                <a:cs typeface="Open Sans"/>
              </a:rPr>
              <a:t> </a:t>
            </a:r>
            <a:r>
              <a:rPr lang="en-GB" sz="2400" b="0" dirty="0" err="1">
                <a:latin typeface="+mj-lt"/>
                <a:ea typeface="Open Sans"/>
                <a:cs typeface="Open Sans"/>
              </a:rPr>
              <a:t>pomáhají</a:t>
            </a:r>
            <a:r>
              <a:rPr lang="en-GB" sz="2400" b="0" dirty="0">
                <a:latin typeface="+mj-lt"/>
                <a:ea typeface="Open Sans"/>
                <a:cs typeface="Open Sans"/>
              </a:rPr>
              <a:t> </a:t>
            </a:r>
            <a:r>
              <a:rPr lang="en-GB" sz="2400" b="0" dirty="0" err="1">
                <a:latin typeface="+mj-lt"/>
                <a:ea typeface="Open Sans"/>
                <a:cs typeface="Open Sans"/>
              </a:rPr>
              <a:t>optimalizovat</a:t>
            </a:r>
            <a:r>
              <a:rPr lang="en-GB" sz="2400" b="0" dirty="0">
                <a:latin typeface="+mj-lt"/>
                <a:ea typeface="Open Sans"/>
                <a:cs typeface="Open Sans"/>
              </a:rPr>
              <a:t> </a:t>
            </a:r>
            <a:r>
              <a:rPr lang="en-GB" sz="2400" b="0" dirty="0" err="1">
                <a:latin typeface="+mj-lt"/>
                <a:ea typeface="Open Sans"/>
                <a:cs typeface="Open Sans"/>
              </a:rPr>
              <a:t>využití</a:t>
            </a:r>
            <a:r>
              <a:rPr lang="en-GB" sz="2400" b="0" dirty="0">
                <a:latin typeface="+mj-lt"/>
                <a:ea typeface="Open Sans"/>
                <a:cs typeface="Open Sans"/>
              </a:rPr>
              <a:t> </a:t>
            </a:r>
            <a:r>
              <a:rPr lang="en-GB" sz="2400" b="0" dirty="0" err="1">
                <a:latin typeface="+mj-lt"/>
                <a:ea typeface="Open Sans"/>
                <a:cs typeface="Open Sans"/>
              </a:rPr>
              <a:t>zdrojů</a:t>
            </a:r>
            <a:r>
              <a:rPr lang="en-GB" sz="2400" b="0" dirty="0">
                <a:latin typeface="+mj-lt"/>
                <a:ea typeface="Open Sans"/>
                <a:cs typeface="Open Sans"/>
              </a:rPr>
              <a:t> a </a:t>
            </a:r>
            <a:r>
              <a:rPr lang="en-GB" sz="2400" b="0" dirty="0" err="1">
                <a:latin typeface="+mj-lt"/>
                <a:ea typeface="Open Sans"/>
                <a:cs typeface="Open Sans"/>
              </a:rPr>
              <a:t>předcházet</a:t>
            </a:r>
            <a:r>
              <a:rPr lang="en-GB" sz="2400" b="0" dirty="0">
                <a:latin typeface="+mj-lt"/>
                <a:ea typeface="Open Sans"/>
                <a:cs typeface="Open Sans"/>
              </a:rPr>
              <a:t> </a:t>
            </a:r>
            <a:r>
              <a:rPr lang="en-GB" sz="2400" b="0" dirty="0" err="1">
                <a:latin typeface="+mj-lt"/>
                <a:ea typeface="Open Sans"/>
                <a:cs typeface="Open Sans"/>
              </a:rPr>
              <a:t>incidentům</a:t>
            </a:r>
            <a:r>
              <a:rPr lang="en-GB" sz="2400" b="0" dirty="0">
                <a:latin typeface="+mj-lt"/>
                <a:ea typeface="Open Sans"/>
                <a:cs typeface="Open Sans"/>
              </a:rPr>
              <a:t> ?</a:t>
            </a:r>
            <a:endParaRPr lang="en-GB" sz="2400" b="0" dirty="0">
              <a:latin typeface="Open Sans"/>
              <a:ea typeface="Open Sans"/>
              <a:cs typeface="Open Sans"/>
            </a:endParaRPr>
          </a:p>
        </p:txBody>
      </p:sp>
      <p:sp>
        <p:nvSpPr>
          <p:cNvPr id="3" name="Footer Placeholder 2">
            <a:extLst>
              <a:ext uri="{FF2B5EF4-FFF2-40B4-BE49-F238E27FC236}">
                <a16:creationId xmlns:a16="http://schemas.microsoft.com/office/drawing/2014/main" id="{E8711295-64E8-4F99-909C-458BF87AFBA2}"/>
              </a:ext>
            </a:extLst>
          </p:cNvPr>
          <p:cNvSpPr>
            <a:spLocks noGrp="1"/>
          </p:cNvSpPr>
          <p:nvPr>
            <p:ph type="ftr" sz="quarter" idx="24"/>
          </p:nvPr>
        </p:nvSpPr>
        <p:spPr/>
        <p:txBody>
          <a:bodyPr/>
          <a:lstStyle/>
          <a:p>
            <a:endParaRPr lang="en-GB"/>
          </a:p>
        </p:txBody>
      </p:sp>
      <p:sp>
        <p:nvSpPr>
          <p:cNvPr id="4" name="Text Placeholder 3">
            <a:extLst>
              <a:ext uri="{FF2B5EF4-FFF2-40B4-BE49-F238E27FC236}">
                <a16:creationId xmlns:a16="http://schemas.microsoft.com/office/drawing/2014/main" id="{E8544400-05A6-4DF0-98CC-F72F3843C15F}"/>
              </a:ext>
            </a:extLst>
          </p:cNvPr>
          <p:cNvSpPr>
            <a:spLocks noGrp="1"/>
          </p:cNvSpPr>
          <p:nvPr>
            <p:ph type="body" sz="quarter" idx="26"/>
          </p:nvPr>
        </p:nvSpPr>
        <p:spPr/>
        <p:txBody>
          <a:bodyPr/>
          <a:lstStyle/>
          <a:p>
            <a:endParaRPr lang="en-GB"/>
          </a:p>
        </p:txBody>
      </p:sp>
      <p:pic>
        <p:nvPicPr>
          <p:cNvPr id="6" name="Picture 5" descr="A picture containing text, businesscard, vector graphics&#10;&#10;Description automatically generated">
            <a:extLst>
              <a:ext uri="{FF2B5EF4-FFF2-40B4-BE49-F238E27FC236}">
                <a16:creationId xmlns:a16="http://schemas.microsoft.com/office/drawing/2014/main" id="{95E64F1A-8141-4100-88C5-DF37E0D8E728}"/>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05429" y="-773932"/>
            <a:ext cx="2737796" cy="2737796"/>
          </a:xfrm>
          <a:prstGeom prst="rect">
            <a:avLst/>
          </a:prstGeom>
        </p:spPr>
      </p:pic>
    </p:spTree>
    <p:custDataLst>
      <p:tags r:id="rId1"/>
    </p:custDataLst>
    <p:extLst>
      <p:ext uri="{BB962C8B-B14F-4D97-AF65-F5344CB8AC3E}">
        <p14:creationId xmlns:p14="http://schemas.microsoft.com/office/powerpoint/2010/main" val="33894754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500" fill="hold"/>
                                        <p:tgtEl>
                                          <p:spTgt spid="2"/>
                                        </p:tgtEl>
                                        <p:attrNameLst>
                                          <p:attrName>ppt_x</p:attrName>
                                        </p:attrNameLst>
                                      </p:cBhvr>
                                      <p:tavLst>
                                        <p:tav tm="0">
                                          <p:val>
                                            <p:strVal val="#ppt_x"/>
                                          </p:val>
                                        </p:tav>
                                        <p:tav tm="100000">
                                          <p:val>
                                            <p:strVal val="#ppt_x"/>
                                          </p:val>
                                        </p:tav>
                                      </p:tavLst>
                                    </p:anim>
                                    <p:anim calcmode="lin" valueType="num">
                                      <p:cBhvr additive="base">
                                        <p:cTn id="8" dur="500" fill="hold"/>
                                        <p:tgtEl>
                                          <p:spTgt spid="2"/>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 name="Rectangle 31">
            <a:extLst>
              <a:ext uri="{FF2B5EF4-FFF2-40B4-BE49-F238E27FC236}">
                <a16:creationId xmlns:a16="http://schemas.microsoft.com/office/drawing/2014/main" id="{6BE8A6BB-E332-4834-93F6-41FF50E96C7E}"/>
              </a:ext>
            </a:extLst>
          </p:cNvPr>
          <p:cNvSpPr/>
          <p:nvPr/>
        </p:nvSpPr>
        <p:spPr>
          <a:xfrm>
            <a:off x="8780463" y="0"/>
            <a:ext cx="3411537" cy="350745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3" name="Picture 2" descr="A water fountain with a bridge in the background&#10;&#10;Description automatically generated with low confidence">
            <a:extLst>
              <a:ext uri="{FF2B5EF4-FFF2-40B4-BE49-F238E27FC236}">
                <a16:creationId xmlns:a16="http://schemas.microsoft.com/office/drawing/2014/main" id="{C39B9724-37EC-4800-B3DB-A250AF3E4F9B}"/>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8775158" y="3501578"/>
            <a:ext cx="3416842" cy="3432701"/>
          </a:xfrm>
          <a:prstGeom prst="rect">
            <a:avLst/>
          </a:prstGeom>
        </p:spPr>
      </p:pic>
      <p:sp>
        <p:nvSpPr>
          <p:cNvPr id="4" name="Text Placeholder 3">
            <a:extLst>
              <a:ext uri="{FF2B5EF4-FFF2-40B4-BE49-F238E27FC236}">
                <a16:creationId xmlns:a16="http://schemas.microsoft.com/office/drawing/2014/main" id="{4F26BC4D-26F9-4863-AE92-9B80D262BA77}"/>
              </a:ext>
            </a:extLst>
          </p:cNvPr>
          <p:cNvSpPr>
            <a:spLocks noGrp="1"/>
          </p:cNvSpPr>
          <p:nvPr>
            <p:ph type="body" sz="quarter" idx="14"/>
          </p:nvPr>
        </p:nvSpPr>
        <p:spPr/>
        <p:txBody>
          <a:bodyPr/>
          <a:lstStyle/>
          <a:p>
            <a:endParaRPr lang="en-GB"/>
          </a:p>
        </p:txBody>
      </p:sp>
      <p:sp>
        <p:nvSpPr>
          <p:cNvPr id="5" name="Footer Placeholder 4">
            <a:extLst>
              <a:ext uri="{FF2B5EF4-FFF2-40B4-BE49-F238E27FC236}">
                <a16:creationId xmlns:a16="http://schemas.microsoft.com/office/drawing/2014/main" id="{4A1C10E3-5C67-4762-956A-5FC470739778}"/>
              </a:ext>
            </a:extLst>
          </p:cNvPr>
          <p:cNvSpPr>
            <a:spLocks noGrp="1"/>
          </p:cNvSpPr>
          <p:nvPr>
            <p:ph type="ftr" sz="quarter" idx="21"/>
          </p:nvPr>
        </p:nvSpPr>
        <p:spPr>
          <a:xfrm>
            <a:off x="1288782" y="6449746"/>
            <a:ext cx="7491681" cy="147600"/>
          </a:xfrm>
        </p:spPr>
        <p:txBody>
          <a:bodyPr/>
          <a:lstStyle/>
          <a:p>
            <a:endParaRPr lang="en-GB"/>
          </a:p>
        </p:txBody>
      </p:sp>
      <p:sp>
        <p:nvSpPr>
          <p:cNvPr id="50" name="Title 49">
            <a:extLst>
              <a:ext uri="{FF2B5EF4-FFF2-40B4-BE49-F238E27FC236}">
                <a16:creationId xmlns:a16="http://schemas.microsoft.com/office/drawing/2014/main" id="{0B542BF6-513E-4800-98D6-9EAEC7DEED88}"/>
              </a:ext>
            </a:extLst>
          </p:cNvPr>
          <p:cNvSpPr>
            <a:spLocks noGrp="1"/>
          </p:cNvSpPr>
          <p:nvPr>
            <p:ph type="title"/>
          </p:nvPr>
        </p:nvSpPr>
        <p:spPr>
          <a:xfrm>
            <a:off x="447863" y="421240"/>
            <a:ext cx="4992042" cy="1061960"/>
          </a:xfrm>
        </p:spPr>
        <p:txBody>
          <a:bodyPr/>
          <a:lstStyle/>
          <a:p>
            <a:r>
              <a:rPr lang="en-GB" sz="2800" dirty="0" err="1">
                <a:latin typeface="Open Sans Extrabold" panose="020B0906030804020204" pitchFamily="34" charset="0"/>
                <a:ea typeface="Open Sans Extrabold" panose="020B0906030804020204" pitchFamily="34" charset="0"/>
                <a:cs typeface="Open Sans Extrabold" panose="020B0906030804020204" pitchFamily="34" charset="0"/>
              </a:rPr>
              <a:t>Propojená</a:t>
            </a:r>
            <a:r>
              <a:rPr lang="en-GB" sz="2800" dirty="0">
                <a:latin typeface="Open Sans Extrabold" panose="020B0906030804020204" pitchFamily="34" charset="0"/>
                <a:ea typeface="Open Sans Extrabold" panose="020B0906030804020204" pitchFamily="34" charset="0"/>
                <a:cs typeface="Open Sans Extrabold" panose="020B0906030804020204" pitchFamily="34" charset="0"/>
              </a:rPr>
              <a:t> video </a:t>
            </a:r>
            <a:r>
              <a:rPr lang="en-GB" sz="2800" dirty="0" err="1">
                <a:latin typeface="Open Sans Extrabold" panose="020B0906030804020204" pitchFamily="34" charset="0"/>
                <a:ea typeface="Open Sans Extrabold" panose="020B0906030804020204" pitchFamily="34" charset="0"/>
                <a:cs typeface="Open Sans Extrabold" panose="020B0906030804020204" pitchFamily="34" charset="0"/>
              </a:rPr>
              <a:t>řešení</a:t>
            </a:r>
            <a:r>
              <a:rPr lang="en-GB" sz="2800" dirty="0">
                <a:latin typeface="Open Sans Extrabold" panose="020B0906030804020204" pitchFamily="34" charset="0"/>
                <a:ea typeface="Open Sans Extrabold" panose="020B0906030804020204" pitchFamily="34" charset="0"/>
                <a:cs typeface="Open Sans Extrabold" panose="020B0906030804020204" pitchFamily="34" charset="0"/>
              </a:rPr>
              <a:t> pro  </a:t>
            </a:r>
            <a:r>
              <a:rPr lang="en-GB" sz="2800" i="1" dirty="0" err="1">
                <a:solidFill>
                  <a:schemeClr val="accent2"/>
                </a:solidFill>
                <a:latin typeface="Open Sans Extrabold" panose="020B0906030804020204" pitchFamily="34" charset="0"/>
                <a:ea typeface="Open Sans Extrabold" panose="020B0906030804020204" pitchFamily="34" charset="0"/>
                <a:cs typeface="Open Sans Extrabold" panose="020B0906030804020204" pitchFamily="34" charset="0"/>
              </a:rPr>
              <a:t>udržitelná</a:t>
            </a:r>
            <a:r>
              <a:rPr lang="en-GB" sz="2800" i="1" dirty="0">
                <a:solidFill>
                  <a:schemeClr val="accent2"/>
                </a:solidFill>
                <a:latin typeface="Open Sans Extrabold" panose="020B0906030804020204" pitchFamily="34" charset="0"/>
                <a:ea typeface="Open Sans Extrabold" panose="020B0906030804020204" pitchFamily="34" charset="0"/>
                <a:cs typeface="Open Sans Extrabold" panose="020B0906030804020204" pitchFamily="34" charset="0"/>
              </a:rPr>
              <a:t> </a:t>
            </a:r>
            <a:r>
              <a:rPr lang="en-GB" sz="2800" i="1" dirty="0" err="1">
                <a:solidFill>
                  <a:schemeClr val="accent2"/>
                </a:solidFill>
                <a:latin typeface="Open Sans Extrabold" panose="020B0906030804020204" pitchFamily="34" charset="0"/>
                <a:ea typeface="Open Sans Extrabold" panose="020B0906030804020204" pitchFamily="34" charset="0"/>
                <a:cs typeface="Open Sans Extrabold" panose="020B0906030804020204" pitchFamily="34" charset="0"/>
              </a:rPr>
              <a:t>města</a:t>
            </a:r>
            <a:endParaRPr lang="en-GB" dirty="0"/>
          </a:p>
        </p:txBody>
      </p:sp>
      <p:grpSp>
        <p:nvGrpSpPr>
          <p:cNvPr id="11" name="Group 10">
            <a:extLst>
              <a:ext uri="{FF2B5EF4-FFF2-40B4-BE49-F238E27FC236}">
                <a16:creationId xmlns:a16="http://schemas.microsoft.com/office/drawing/2014/main" id="{06965C7B-1B49-4B69-9522-AAC142AF0697}"/>
              </a:ext>
            </a:extLst>
          </p:cNvPr>
          <p:cNvGrpSpPr/>
          <p:nvPr/>
        </p:nvGrpSpPr>
        <p:grpSpPr>
          <a:xfrm>
            <a:off x="509772" y="2704954"/>
            <a:ext cx="1359688" cy="439533"/>
            <a:chOff x="307464" y="2898479"/>
            <a:chExt cx="1924107" cy="621987"/>
          </a:xfrm>
        </p:grpSpPr>
        <p:sp>
          <p:nvSpPr>
            <p:cNvPr id="12" name="TextBox 11">
              <a:extLst>
                <a:ext uri="{FF2B5EF4-FFF2-40B4-BE49-F238E27FC236}">
                  <a16:creationId xmlns:a16="http://schemas.microsoft.com/office/drawing/2014/main" id="{95412782-6D10-42CD-B7DC-583A6B8BFFC6}"/>
                </a:ext>
              </a:extLst>
            </p:cNvPr>
            <p:cNvSpPr txBox="1">
              <a:spLocks/>
            </p:cNvSpPr>
            <p:nvPr/>
          </p:nvSpPr>
          <p:spPr>
            <a:xfrm>
              <a:off x="307464" y="2898479"/>
              <a:ext cx="1924107" cy="522645"/>
            </a:xfrm>
            <a:prstGeom prst="rect">
              <a:avLst/>
            </a:prstGeom>
            <a:noFill/>
          </p:spPr>
          <p:txBody>
            <a:bodyPr wrap="square" lIns="0" tIns="0" rIns="0" bIns="0" rtlCol="0" anchor="t">
              <a:spAutoFit/>
            </a:bodyPr>
            <a:lstStyle/>
            <a:p>
              <a:pPr algn="ctr"/>
              <a:r>
                <a:rPr lang="en-GB" sz="1200" b="1" dirty="0" err="1">
                  <a:solidFill>
                    <a:schemeClr val="accent1"/>
                  </a:solidFill>
                </a:rPr>
                <a:t>Monitorování</a:t>
              </a:r>
              <a:r>
                <a:rPr lang="en-GB" sz="1200" b="1" dirty="0">
                  <a:solidFill>
                    <a:schemeClr val="accent1"/>
                  </a:solidFill>
                </a:rPr>
                <a:t> </a:t>
              </a:r>
              <a:r>
                <a:rPr lang="en-GB" sz="1200" b="1" dirty="0" err="1">
                  <a:solidFill>
                    <a:schemeClr val="accent1"/>
                  </a:solidFill>
                </a:rPr>
                <a:t>hladiny</a:t>
              </a:r>
              <a:r>
                <a:rPr lang="en-GB" sz="1200" b="1" dirty="0">
                  <a:solidFill>
                    <a:schemeClr val="accent1"/>
                  </a:solidFill>
                </a:rPr>
                <a:t> </a:t>
              </a:r>
              <a:r>
                <a:rPr lang="en-GB" sz="1200" b="1" dirty="0" err="1">
                  <a:solidFill>
                    <a:schemeClr val="accent1"/>
                  </a:solidFill>
                </a:rPr>
                <a:t>vody</a:t>
              </a:r>
              <a:endParaRPr lang="en-GB" dirty="0"/>
            </a:p>
          </p:txBody>
        </p:sp>
        <p:cxnSp>
          <p:nvCxnSpPr>
            <p:cNvPr id="13" name="Straight Connector 12">
              <a:extLst>
                <a:ext uri="{FF2B5EF4-FFF2-40B4-BE49-F238E27FC236}">
                  <a16:creationId xmlns:a16="http://schemas.microsoft.com/office/drawing/2014/main" id="{67E84B37-150F-4C8E-9861-CC173041E3C3}"/>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84" name="Group 83">
            <a:extLst>
              <a:ext uri="{FF2B5EF4-FFF2-40B4-BE49-F238E27FC236}">
                <a16:creationId xmlns:a16="http://schemas.microsoft.com/office/drawing/2014/main" id="{B1CDF146-0FCD-4E2C-9FE5-694C68673D99}"/>
              </a:ext>
            </a:extLst>
          </p:cNvPr>
          <p:cNvGrpSpPr/>
          <p:nvPr/>
        </p:nvGrpSpPr>
        <p:grpSpPr>
          <a:xfrm>
            <a:off x="2491060" y="2674208"/>
            <a:ext cx="1495657" cy="470280"/>
            <a:chOff x="184242" y="2854969"/>
            <a:chExt cx="2116518" cy="665497"/>
          </a:xfrm>
        </p:grpSpPr>
        <p:sp>
          <p:nvSpPr>
            <p:cNvPr id="86" name="TextBox 85">
              <a:extLst>
                <a:ext uri="{FF2B5EF4-FFF2-40B4-BE49-F238E27FC236}">
                  <a16:creationId xmlns:a16="http://schemas.microsoft.com/office/drawing/2014/main" id="{A3E854A3-5664-4522-A144-49C7F3FD9385}"/>
                </a:ext>
              </a:extLst>
            </p:cNvPr>
            <p:cNvSpPr txBox="1">
              <a:spLocks/>
            </p:cNvSpPr>
            <p:nvPr/>
          </p:nvSpPr>
          <p:spPr>
            <a:xfrm>
              <a:off x="184242" y="2854969"/>
              <a:ext cx="2116518" cy="522645"/>
            </a:xfrm>
            <a:prstGeom prst="rect">
              <a:avLst/>
            </a:prstGeom>
            <a:noFill/>
          </p:spPr>
          <p:txBody>
            <a:bodyPr wrap="square" lIns="0" tIns="0" rIns="0" bIns="0" rtlCol="0">
              <a:spAutoFit/>
            </a:bodyPr>
            <a:lstStyle/>
            <a:p>
              <a:pPr algn="ctr"/>
              <a:r>
                <a:rPr lang="en-GB" sz="1200" b="1" dirty="0">
                  <a:solidFill>
                    <a:schemeClr val="accent1"/>
                  </a:solidFill>
                </a:rPr>
                <a:t>Monitoring </a:t>
              </a:r>
              <a:r>
                <a:rPr lang="en-GB" sz="1200" b="1" dirty="0" err="1">
                  <a:solidFill>
                    <a:schemeClr val="accent1"/>
                  </a:solidFill>
                </a:rPr>
                <a:t>kvality</a:t>
              </a:r>
              <a:r>
                <a:rPr lang="en-GB" sz="1200" b="1" dirty="0">
                  <a:solidFill>
                    <a:schemeClr val="accent1"/>
                  </a:solidFill>
                </a:rPr>
                <a:t> </a:t>
              </a:r>
              <a:r>
                <a:rPr lang="en-GB" sz="1200" b="1" dirty="0" err="1">
                  <a:solidFill>
                    <a:schemeClr val="accent1"/>
                  </a:solidFill>
                </a:rPr>
                <a:t>vzduchu</a:t>
              </a:r>
              <a:endParaRPr lang="en-GB" sz="1200" b="1" dirty="0">
                <a:solidFill>
                  <a:schemeClr val="accent1"/>
                </a:solidFill>
              </a:endParaRPr>
            </a:p>
          </p:txBody>
        </p:sp>
        <p:cxnSp>
          <p:nvCxnSpPr>
            <p:cNvPr id="87" name="Straight Connector 86">
              <a:extLst>
                <a:ext uri="{FF2B5EF4-FFF2-40B4-BE49-F238E27FC236}">
                  <a16:creationId xmlns:a16="http://schemas.microsoft.com/office/drawing/2014/main" id="{ADACB244-AF1C-4F7A-AB8E-A357076EDE75}"/>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5ED6D874-68A0-4102-86FE-C1A1B6865BFA}"/>
              </a:ext>
            </a:extLst>
          </p:cNvPr>
          <p:cNvGrpSpPr/>
          <p:nvPr/>
        </p:nvGrpSpPr>
        <p:grpSpPr>
          <a:xfrm>
            <a:off x="4549850" y="2704956"/>
            <a:ext cx="1645223" cy="439533"/>
            <a:chOff x="105433" y="2898479"/>
            <a:chExt cx="2328170" cy="621987"/>
          </a:xfrm>
        </p:grpSpPr>
        <p:sp>
          <p:nvSpPr>
            <p:cNvPr id="91" name="TextBox 90">
              <a:extLst>
                <a:ext uri="{FF2B5EF4-FFF2-40B4-BE49-F238E27FC236}">
                  <a16:creationId xmlns:a16="http://schemas.microsoft.com/office/drawing/2014/main" id="{17A6AB14-7D79-43A7-A74D-D4A1C37B2CF0}"/>
                </a:ext>
              </a:extLst>
            </p:cNvPr>
            <p:cNvSpPr txBox="1">
              <a:spLocks/>
            </p:cNvSpPr>
            <p:nvPr/>
          </p:nvSpPr>
          <p:spPr>
            <a:xfrm>
              <a:off x="105433" y="2898479"/>
              <a:ext cx="2328170" cy="522645"/>
            </a:xfrm>
            <a:prstGeom prst="rect">
              <a:avLst/>
            </a:prstGeom>
            <a:noFill/>
          </p:spPr>
          <p:txBody>
            <a:bodyPr wrap="square" lIns="0" tIns="0" rIns="0" bIns="0" rtlCol="0" anchor="t">
              <a:spAutoFit/>
            </a:bodyPr>
            <a:lstStyle/>
            <a:p>
              <a:pPr algn="ctr"/>
              <a:r>
                <a:rPr lang="en-GB" sz="1200" b="1" dirty="0" err="1">
                  <a:solidFill>
                    <a:schemeClr val="accent1"/>
                  </a:solidFill>
                </a:rPr>
                <a:t>Řízení</a:t>
              </a:r>
              <a:r>
                <a:rPr lang="en-GB" sz="1200" b="1" dirty="0">
                  <a:solidFill>
                    <a:schemeClr val="accent1"/>
                  </a:solidFill>
                </a:rPr>
                <a:t>  </a:t>
              </a:r>
            </a:p>
            <a:p>
              <a:pPr algn="ctr"/>
              <a:r>
                <a:rPr lang="en-GB" sz="1200" b="1" dirty="0" err="1">
                  <a:solidFill>
                    <a:schemeClr val="accent1"/>
                  </a:solidFill>
                </a:rPr>
                <a:t>odpadu</a:t>
              </a:r>
              <a:endParaRPr lang="en-GB" sz="1200" b="1" dirty="0">
                <a:solidFill>
                  <a:schemeClr val="accent1"/>
                </a:solidFill>
              </a:endParaRPr>
            </a:p>
          </p:txBody>
        </p:sp>
        <p:cxnSp>
          <p:nvCxnSpPr>
            <p:cNvPr id="92" name="Straight Connector 91">
              <a:extLst>
                <a:ext uri="{FF2B5EF4-FFF2-40B4-BE49-F238E27FC236}">
                  <a16:creationId xmlns:a16="http://schemas.microsoft.com/office/drawing/2014/main" id="{B8EE07D2-9EC8-40BA-8C1D-F22FA761172C}"/>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2E92A79-5F6D-46B4-B487-2EF77B95A807}"/>
              </a:ext>
            </a:extLst>
          </p:cNvPr>
          <p:cNvGrpSpPr/>
          <p:nvPr/>
        </p:nvGrpSpPr>
        <p:grpSpPr>
          <a:xfrm>
            <a:off x="6857642" y="2704954"/>
            <a:ext cx="1359688" cy="553998"/>
            <a:chOff x="307464" y="2898479"/>
            <a:chExt cx="1924107" cy="783968"/>
          </a:xfrm>
        </p:grpSpPr>
        <p:sp>
          <p:nvSpPr>
            <p:cNvPr id="96" name="TextBox 95">
              <a:extLst>
                <a:ext uri="{FF2B5EF4-FFF2-40B4-BE49-F238E27FC236}">
                  <a16:creationId xmlns:a16="http://schemas.microsoft.com/office/drawing/2014/main" id="{D1C52381-A057-4957-A6BD-E68C41017471}"/>
                </a:ext>
              </a:extLst>
            </p:cNvPr>
            <p:cNvSpPr txBox="1">
              <a:spLocks/>
            </p:cNvSpPr>
            <p:nvPr/>
          </p:nvSpPr>
          <p:spPr>
            <a:xfrm>
              <a:off x="307464" y="2898479"/>
              <a:ext cx="1924107" cy="783968"/>
            </a:xfrm>
            <a:prstGeom prst="rect">
              <a:avLst/>
            </a:prstGeom>
            <a:noFill/>
          </p:spPr>
          <p:txBody>
            <a:bodyPr wrap="square" lIns="0" tIns="0" rIns="0" bIns="0" rtlCol="0" anchor="t">
              <a:spAutoFit/>
            </a:bodyPr>
            <a:lstStyle/>
            <a:p>
              <a:pPr algn="ctr"/>
              <a:r>
                <a:rPr lang="en-GB" sz="1200" b="1" dirty="0" err="1">
                  <a:solidFill>
                    <a:schemeClr val="accent1"/>
                  </a:solidFill>
                </a:rPr>
                <a:t>Řízení</a:t>
              </a:r>
              <a:endParaRPr lang="en-GB" sz="1200" b="1" dirty="0">
                <a:solidFill>
                  <a:schemeClr val="accent1"/>
                </a:solidFill>
              </a:endParaRPr>
            </a:p>
            <a:p>
              <a:pPr algn="ctr"/>
              <a:r>
                <a:rPr lang="en-GB" sz="1200" b="1" dirty="0" err="1">
                  <a:solidFill>
                    <a:schemeClr val="accent1"/>
                  </a:solidFill>
                </a:rPr>
                <a:t>zdrojů</a:t>
              </a:r>
              <a:r>
                <a:rPr lang="en-GB" sz="1200" b="1" dirty="0">
                  <a:solidFill>
                    <a:schemeClr val="accent1"/>
                  </a:solidFill>
                </a:rPr>
                <a:t> </a:t>
              </a:r>
              <a:r>
                <a:rPr lang="en-GB" sz="1200" b="1" dirty="0" err="1">
                  <a:solidFill>
                    <a:schemeClr val="accent1"/>
                  </a:solidFill>
                </a:rPr>
                <a:t>vody</a:t>
              </a:r>
              <a:endParaRPr lang="en-GB" sz="1200" b="1" dirty="0">
                <a:solidFill>
                  <a:schemeClr val="accent1"/>
                </a:solidFill>
              </a:endParaRPr>
            </a:p>
            <a:p>
              <a:pPr algn="ctr"/>
              <a:endParaRPr lang="en-GB" sz="1200" b="1" dirty="0">
                <a:solidFill>
                  <a:schemeClr val="accent1"/>
                </a:solidFill>
              </a:endParaRPr>
            </a:p>
          </p:txBody>
        </p:sp>
        <p:cxnSp>
          <p:nvCxnSpPr>
            <p:cNvPr id="97" name="Straight Connector 96">
              <a:extLst>
                <a:ext uri="{FF2B5EF4-FFF2-40B4-BE49-F238E27FC236}">
                  <a16:creationId xmlns:a16="http://schemas.microsoft.com/office/drawing/2014/main" id="{E9E7C18E-16BC-4BED-89FF-AA819FAAAD6B}"/>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99" name="Group 98">
            <a:extLst>
              <a:ext uri="{FF2B5EF4-FFF2-40B4-BE49-F238E27FC236}">
                <a16:creationId xmlns:a16="http://schemas.microsoft.com/office/drawing/2014/main" id="{B7E8DFB7-6358-4CEF-A1E7-CD6D7E08B88E}"/>
              </a:ext>
            </a:extLst>
          </p:cNvPr>
          <p:cNvGrpSpPr/>
          <p:nvPr/>
        </p:nvGrpSpPr>
        <p:grpSpPr>
          <a:xfrm>
            <a:off x="1524488" y="4978976"/>
            <a:ext cx="1359688" cy="439531"/>
            <a:chOff x="307464" y="2898479"/>
            <a:chExt cx="1924107" cy="621985"/>
          </a:xfrm>
        </p:grpSpPr>
        <p:sp>
          <p:nvSpPr>
            <p:cNvPr id="101" name="TextBox 100">
              <a:extLst>
                <a:ext uri="{FF2B5EF4-FFF2-40B4-BE49-F238E27FC236}">
                  <a16:creationId xmlns:a16="http://schemas.microsoft.com/office/drawing/2014/main" id="{3E74026F-224E-449C-A2B3-412C65E0F2C0}"/>
                </a:ext>
              </a:extLst>
            </p:cNvPr>
            <p:cNvSpPr txBox="1">
              <a:spLocks/>
            </p:cNvSpPr>
            <p:nvPr/>
          </p:nvSpPr>
          <p:spPr>
            <a:xfrm>
              <a:off x="307464" y="2898479"/>
              <a:ext cx="1924107" cy="522645"/>
            </a:xfrm>
            <a:prstGeom prst="rect">
              <a:avLst/>
            </a:prstGeom>
            <a:noFill/>
          </p:spPr>
          <p:txBody>
            <a:bodyPr wrap="square" lIns="0" tIns="0" rIns="0" bIns="0" rtlCol="0">
              <a:spAutoFit/>
            </a:bodyPr>
            <a:lstStyle/>
            <a:p>
              <a:pPr algn="ctr"/>
              <a:r>
                <a:rPr lang="en-GB" sz="1200" b="1" dirty="0" err="1">
                  <a:solidFill>
                    <a:schemeClr val="accent1"/>
                  </a:solidFill>
                </a:rPr>
                <a:t>Kontrola</a:t>
              </a:r>
              <a:endParaRPr lang="en-GB" sz="1200" b="1" dirty="0">
                <a:solidFill>
                  <a:schemeClr val="accent1"/>
                </a:solidFill>
              </a:endParaRPr>
            </a:p>
            <a:p>
              <a:pPr algn="ctr"/>
              <a:r>
                <a:rPr lang="en-GB" sz="1200" b="1" dirty="0" err="1">
                  <a:solidFill>
                    <a:schemeClr val="accent1"/>
                  </a:solidFill>
                </a:rPr>
                <a:t>znečištění</a:t>
              </a:r>
              <a:endParaRPr lang="en-GB" sz="1200" b="1" dirty="0">
                <a:solidFill>
                  <a:schemeClr val="accent1"/>
                </a:solidFill>
              </a:endParaRPr>
            </a:p>
          </p:txBody>
        </p:sp>
        <p:cxnSp>
          <p:nvCxnSpPr>
            <p:cNvPr id="102" name="Straight Connector 101">
              <a:extLst>
                <a:ext uri="{FF2B5EF4-FFF2-40B4-BE49-F238E27FC236}">
                  <a16:creationId xmlns:a16="http://schemas.microsoft.com/office/drawing/2014/main" id="{0CDD2A2C-A775-46BD-AD72-4527AED014D3}"/>
                </a:ext>
              </a:extLst>
            </p:cNvPr>
            <p:cNvCxnSpPr>
              <a:cxnSpLocks/>
            </p:cNvCxnSpPr>
            <p:nvPr/>
          </p:nvCxnSpPr>
          <p:spPr>
            <a:xfrm>
              <a:off x="1053805" y="3520464"/>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104" name="Group 103">
            <a:extLst>
              <a:ext uri="{FF2B5EF4-FFF2-40B4-BE49-F238E27FC236}">
                <a16:creationId xmlns:a16="http://schemas.microsoft.com/office/drawing/2014/main" id="{A4254C72-C8F0-4ACD-98D8-303630738441}"/>
              </a:ext>
            </a:extLst>
          </p:cNvPr>
          <p:cNvGrpSpPr/>
          <p:nvPr/>
        </p:nvGrpSpPr>
        <p:grpSpPr>
          <a:xfrm>
            <a:off x="3285084" y="4978980"/>
            <a:ext cx="1990720" cy="439533"/>
            <a:chOff x="-139025" y="2898479"/>
            <a:chExt cx="2817086" cy="621987"/>
          </a:xfrm>
        </p:grpSpPr>
        <p:sp>
          <p:nvSpPr>
            <p:cNvPr id="106" name="TextBox 105">
              <a:extLst>
                <a:ext uri="{FF2B5EF4-FFF2-40B4-BE49-F238E27FC236}">
                  <a16:creationId xmlns:a16="http://schemas.microsoft.com/office/drawing/2014/main" id="{2F2B04D6-56D6-48DB-82A5-FF03DA0D5AA2}"/>
                </a:ext>
              </a:extLst>
            </p:cNvPr>
            <p:cNvSpPr txBox="1">
              <a:spLocks/>
            </p:cNvSpPr>
            <p:nvPr/>
          </p:nvSpPr>
          <p:spPr>
            <a:xfrm>
              <a:off x="-139025" y="2898479"/>
              <a:ext cx="2817086" cy="522645"/>
            </a:xfrm>
            <a:prstGeom prst="rect">
              <a:avLst/>
            </a:prstGeom>
            <a:noFill/>
          </p:spPr>
          <p:txBody>
            <a:bodyPr wrap="square" lIns="0" tIns="0" rIns="0" bIns="0" rtlCol="0" anchor="t">
              <a:spAutoFit/>
            </a:bodyPr>
            <a:lstStyle/>
            <a:p>
              <a:pPr algn="ctr"/>
              <a:r>
                <a:rPr lang="en-GB" sz="1200" b="1" dirty="0" err="1">
                  <a:solidFill>
                    <a:schemeClr val="accent1"/>
                  </a:solidFill>
                </a:rPr>
                <a:t>Kritická</a:t>
              </a:r>
              <a:r>
                <a:rPr lang="en-GB" sz="1200" b="1" dirty="0">
                  <a:solidFill>
                    <a:schemeClr val="accent1"/>
                  </a:solidFill>
                </a:rPr>
                <a:t> </a:t>
              </a:r>
              <a:r>
                <a:rPr lang="en-GB" sz="1200" b="1" dirty="0" err="1">
                  <a:solidFill>
                    <a:schemeClr val="accent1"/>
                  </a:solidFill>
                </a:rPr>
                <a:t>infrastruktura</a:t>
              </a:r>
              <a:endParaRPr lang="en-GB" sz="1200" b="1" dirty="0">
                <a:solidFill>
                  <a:schemeClr val="accent1"/>
                </a:solidFill>
              </a:endParaRPr>
            </a:p>
            <a:p>
              <a:pPr algn="ctr"/>
              <a:r>
                <a:rPr lang="en-GB" sz="1200" b="1" dirty="0" err="1">
                  <a:solidFill>
                    <a:schemeClr val="accent1"/>
                  </a:solidFill>
                </a:rPr>
                <a:t>sledování</a:t>
              </a:r>
              <a:endParaRPr lang="en-GB" sz="1200" b="1" dirty="0">
                <a:solidFill>
                  <a:schemeClr val="tx1">
                    <a:lumMod val="85000"/>
                    <a:lumOff val="15000"/>
                  </a:schemeClr>
                </a:solidFill>
              </a:endParaRPr>
            </a:p>
          </p:txBody>
        </p:sp>
        <p:cxnSp>
          <p:nvCxnSpPr>
            <p:cNvPr id="107" name="Straight Connector 106">
              <a:extLst>
                <a:ext uri="{FF2B5EF4-FFF2-40B4-BE49-F238E27FC236}">
                  <a16:creationId xmlns:a16="http://schemas.microsoft.com/office/drawing/2014/main" id="{3C6C8A0D-708B-4D2A-8D9E-FF89DE108B8E}"/>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grpSp>
        <p:nvGrpSpPr>
          <p:cNvPr id="109" name="Group 108">
            <a:extLst>
              <a:ext uri="{FF2B5EF4-FFF2-40B4-BE49-F238E27FC236}">
                <a16:creationId xmlns:a16="http://schemas.microsoft.com/office/drawing/2014/main" id="{CC79091A-76C8-472A-BC5F-D98A337B2CA8}"/>
              </a:ext>
            </a:extLst>
          </p:cNvPr>
          <p:cNvGrpSpPr/>
          <p:nvPr/>
        </p:nvGrpSpPr>
        <p:grpSpPr>
          <a:xfrm>
            <a:off x="5631698" y="4916635"/>
            <a:ext cx="1495657" cy="553998"/>
            <a:chOff x="211259" y="2898479"/>
            <a:chExt cx="2116518" cy="783967"/>
          </a:xfrm>
        </p:grpSpPr>
        <p:sp>
          <p:nvSpPr>
            <p:cNvPr id="111" name="TextBox 110">
              <a:extLst>
                <a:ext uri="{FF2B5EF4-FFF2-40B4-BE49-F238E27FC236}">
                  <a16:creationId xmlns:a16="http://schemas.microsoft.com/office/drawing/2014/main" id="{2CF5575D-A0A8-42AE-AF4F-BD9B62B55A74}"/>
                </a:ext>
              </a:extLst>
            </p:cNvPr>
            <p:cNvSpPr txBox="1">
              <a:spLocks/>
            </p:cNvSpPr>
            <p:nvPr/>
          </p:nvSpPr>
          <p:spPr>
            <a:xfrm>
              <a:off x="211259" y="2898479"/>
              <a:ext cx="2116518" cy="783967"/>
            </a:xfrm>
            <a:prstGeom prst="rect">
              <a:avLst/>
            </a:prstGeom>
            <a:noFill/>
          </p:spPr>
          <p:txBody>
            <a:bodyPr wrap="square" lIns="0" tIns="0" rIns="0" bIns="0" rtlCol="0">
              <a:spAutoFit/>
            </a:bodyPr>
            <a:lstStyle/>
            <a:p>
              <a:pPr algn="ctr"/>
              <a:r>
                <a:rPr lang="en-GB" sz="1200" b="1" dirty="0" err="1">
                  <a:solidFill>
                    <a:schemeClr val="accent1"/>
                  </a:solidFill>
                </a:rPr>
                <a:t>Teplota</a:t>
              </a:r>
              <a:r>
                <a:rPr lang="en-GB" sz="1200" b="1" dirty="0">
                  <a:solidFill>
                    <a:schemeClr val="accent1"/>
                  </a:solidFill>
                </a:rPr>
                <a:t> a</a:t>
              </a:r>
            </a:p>
            <a:p>
              <a:pPr algn="ctr"/>
              <a:r>
                <a:rPr lang="en-GB" sz="1200" b="1" dirty="0" err="1">
                  <a:solidFill>
                    <a:schemeClr val="accent1"/>
                  </a:solidFill>
                </a:rPr>
                <a:t>kontrola</a:t>
              </a:r>
              <a:r>
                <a:rPr lang="en-GB" sz="1200" b="1" dirty="0">
                  <a:solidFill>
                    <a:schemeClr val="accent1"/>
                  </a:solidFill>
                </a:rPr>
                <a:t> </a:t>
              </a:r>
              <a:r>
                <a:rPr lang="en-GB" sz="1200" b="1" dirty="0" err="1">
                  <a:solidFill>
                    <a:schemeClr val="accent1"/>
                  </a:solidFill>
                </a:rPr>
                <a:t>stavu</a:t>
              </a:r>
              <a:r>
                <a:rPr lang="en-GB" sz="1200" b="1" dirty="0">
                  <a:solidFill>
                    <a:schemeClr val="accent1"/>
                  </a:solidFill>
                </a:rPr>
                <a:t> </a:t>
              </a:r>
              <a:r>
                <a:rPr lang="en-GB" sz="1200" b="1" dirty="0" err="1">
                  <a:solidFill>
                    <a:schemeClr val="accent1"/>
                  </a:solidFill>
                </a:rPr>
                <a:t>energie</a:t>
              </a:r>
              <a:endParaRPr lang="en-GB" dirty="0"/>
            </a:p>
          </p:txBody>
        </p:sp>
        <p:cxnSp>
          <p:nvCxnSpPr>
            <p:cNvPr id="112" name="Straight Connector 111">
              <a:extLst>
                <a:ext uri="{FF2B5EF4-FFF2-40B4-BE49-F238E27FC236}">
                  <a16:creationId xmlns:a16="http://schemas.microsoft.com/office/drawing/2014/main" id="{9BB94B4B-76D4-4B71-98F1-5D9B7BDBE43C}"/>
                </a:ext>
              </a:extLst>
            </p:cNvPr>
            <p:cNvCxnSpPr>
              <a:cxnSpLocks/>
            </p:cNvCxnSpPr>
            <p:nvPr/>
          </p:nvCxnSpPr>
          <p:spPr>
            <a:xfrm>
              <a:off x="1062689" y="3520466"/>
              <a:ext cx="413658" cy="0"/>
            </a:xfrm>
            <a:prstGeom prst="line">
              <a:avLst/>
            </a:prstGeom>
            <a:ln w="3175">
              <a:solidFill>
                <a:schemeClr val="accent4"/>
              </a:solidFill>
            </a:ln>
          </p:spPr>
          <p:style>
            <a:lnRef idx="1">
              <a:schemeClr val="accent1"/>
            </a:lnRef>
            <a:fillRef idx="0">
              <a:schemeClr val="accent1"/>
            </a:fillRef>
            <a:effectRef idx="0">
              <a:schemeClr val="accent1"/>
            </a:effectRef>
            <a:fontRef idx="minor">
              <a:schemeClr val="tx1"/>
            </a:fontRef>
          </p:style>
        </p:cxnSp>
      </p:grpSp>
      <p:pic>
        <p:nvPicPr>
          <p:cNvPr id="6" name="Picture 5" descr="Icon&#10;&#10;Description automatically generated">
            <a:extLst>
              <a:ext uri="{FF2B5EF4-FFF2-40B4-BE49-F238E27FC236}">
                <a16:creationId xmlns:a16="http://schemas.microsoft.com/office/drawing/2014/main" id="{48424284-A13A-44AA-9F78-C1CB84E53643}"/>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910492" y="1971716"/>
            <a:ext cx="565200" cy="565200"/>
          </a:xfrm>
          <a:prstGeom prst="rect">
            <a:avLst/>
          </a:prstGeom>
        </p:spPr>
      </p:pic>
      <p:pic>
        <p:nvPicPr>
          <p:cNvPr id="10" name="Picture 9" descr="Icon&#10;&#10;Description automatically generated">
            <a:extLst>
              <a:ext uri="{FF2B5EF4-FFF2-40B4-BE49-F238E27FC236}">
                <a16:creationId xmlns:a16="http://schemas.microsoft.com/office/drawing/2014/main" id="{2D0B5FC5-7F3C-4B0C-B26F-6AEB42031959}"/>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2975380" y="2094826"/>
            <a:ext cx="565200" cy="565200"/>
          </a:xfrm>
          <a:prstGeom prst="rect">
            <a:avLst/>
          </a:prstGeom>
        </p:spPr>
      </p:pic>
      <p:pic>
        <p:nvPicPr>
          <p:cNvPr id="15" name="Picture 14" descr="Icon&#10;&#10;Description automatically generated">
            <a:extLst>
              <a:ext uri="{FF2B5EF4-FFF2-40B4-BE49-F238E27FC236}">
                <a16:creationId xmlns:a16="http://schemas.microsoft.com/office/drawing/2014/main" id="{A2196182-5E68-48EB-B49B-8D2B4F9D566C}"/>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5089861" y="1952843"/>
            <a:ext cx="565200" cy="565200"/>
          </a:xfrm>
          <a:prstGeom prst="rect">
            <a:avLst/>
          </a:prstGeom>
        </p:spPr>
      </p:pic>
      <p:pic>
        <p:nvPicPr>
          <p:cNvPr id="17" name="Picture 16" descr="Icon&#10;&#10;Description automatically generated">
            <a:extLst>
              <a:ext uri="{FF2B5EF4-FFF2-40B4-BE49-F238E27FC236}">
                <a16:creationId xmlns:a16="http://schemas.microsoft.com/office/drawing/2014/main" id="{5FA86041-9675-46B4-9329-99BE5BF71628}"/>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7254886" y="1939778"/>
            <a:ext cx="565200" cy="565200"/>
          </a:xfrm>
          <a:prstGeom prst="rect">
            <a:avLst/>
          </a:prstGeom>
        </p:spPr>
      </p:pic>
      <p:pic>
        <p:nvPicPr>
          <p:cNvPr id="19" name="Picture 18" descr="Logo&#10;&#10;Description automatically generated">
            <a:extLst>
              <a:ext uri="{FF2B5EF4-FFF2-40B4-BE49-F238E27FC236}">
                <a16:creationId xmlns:a16="http://schemas.microsoft.com/office/drawing/2014/main" id="{C8635ECC-17D9-403B-B405-1209F8B7E59F}"/>
              </a:ext>
            </a:extLst>
          </p:cNvPr>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1920961" y="4226865"/>
            <a:ext cx="565200" cy="565200"/>
          </a:xfrm>
          <a:prstGeom prst="rect">
            <a:avLst/>
          </a:prstGeom>
        </p:spPr>
      </p:pic>
      <p:pic>
        <p:nvPicPr>
          <p:cNvPr id="21" name="Picture 20" descr="Logo, icon&#10;&#10;Description automatically generated">
            <a:extLst>
              <a:ext uri="{FF2B5EF4-FFF2-40B4-BE49-F238E27FC236}">
                <a16:creationId xmlns:a16="http://schemas.microsoft.com/office/drawing/2014/main" id="{C5514106-2020-4281-ADCE-881D083877DA}"/>
              </a:ext>
            </a:extLst>
          </p:cNvPr>
          <p:cNvPicPr>
            <a:picLocks noChangeAspect="1"/>
          </p:cNvPicPr>
          <p:nvPr/>
        </p:nvPicPr>
        <p:blipFill>
          <a:blip r:embed="rId10" cstate="screen">
            <a:extLst>
              <a:ext uri="{28A0092B-C50C-407E-A947-70E740481C1C}">
                <a14:useLocalDpi xmlns:a14="http://schemas.microsoft.com/office/drawing/2010/main"/>
              </a:ext>
            </a:extLst>
          </a:blip>
          <a:stretch>
            <a:fillRect/>
          </a:stretch>
        </p:blipFill>
        <p:spPr>
          <a:xfrm>
            <a:off x="4005497" y="4226865"/>
            <a:ext cx="565200" cy="565200"/>
          </a:xfrm>
          <a:prstGeom prst="rect">
            <a:avLst/>
          </a:prstGeom>
        </p:spPr>
      </p:pic>
      <p:pic>
        <p:nvPicPr>
          <p:cNvPr id="23" name="Picture 22" descr="Icon&#10;&#10;Description automatically generated">
            <a:extLst>
              <a:ext uri="{FF2B5EF4-FFF2-40B4-BE49-F238E27FC236}">
                <a16:creationId xmlns:a16="http://schemas.microsoft.com/office/drawing/2014/main" id="{51549C11-AE4C-48DE-B713-D5308003446B}"/>
              </a:ext>
            </a:extLst>
          </p:cNvPr>
          <p:cNvPicPr>
            <a:picLocks noChangeAspect="1"/>
          </p:cNvPicPr>
          <p:nvPr/>
        </p:nvPicPr>
        <p:blipFill>
          <a:blip r:embed="rId11" cstate="screen">
            <a:extLst>
              <a:ext uri="{28A0092B-C50C-407E-A947-70E740481C1C}">
                <a14:useLocalDpi xmlns:a14="http://schemas.microsoft.com/office/drawing/2010/main"/>
              </a:ext>
            </a:extLst>
          </a:blip>
          <a:stretch>
            <a:fillRect/>
          </a:stretch>
        </p:blipFill>
        <p:spPr>
          <a:xfrm>
            <a:off x="6110536" y="4226865"/>
            <a:ext cx="565200" cy="565200"/>
          </a:xfrm>
          <a:prstGeom prst="rect">
            <a:avLst/>
          </a:prstGeom>
        </p:spPr>
      </p:pic>
      <p:pic>
        <p:nvPicPr>
          <p:cNvPr id="38" name="Picture 37" descr="A picture containing text, businesscard, vector graphics&#10;&#10;Description automatically generated">
            <a:extLst>
              <a:ext uri="{FF2B5EF4-FFF2-40B4-BE49-F238E27FC236}">
                <a16:creationId xmlns:a16="http://schemas.microsoft.com/office/drawing/2014/main" id="{E9B95123-9DE0-4583-A08E-1283DA7DFD0B}"/>
              </a:ext>
            </a:extLst>
          </p:cNvPr>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8780463" y="-939575"/>
            <a:ext cx="3476491" cy="3476491"/>
          </a:xfrm>
          <a:prstGeom prst="rect">
            <a:avLst/>
          </a:prstGeom>
        </p:spPr>
      </p:pic>
    </p:spTree>
    <p:custDataLst>
      <p:tags r:id="rId1"/>
    </p:custDataLst>
    <p:extLst>
      <p:ext uri="{BB962C8B-B14F-4D97-AF65-F5344CB8AC3E}">
        <p14:creationId xmlns:p14="http://schemas.microsoft.com/office/powerpoint/2010/main" val="167472396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extBox 8">
            <a:extLst>
              <a:ext uri="{FF2B5EF4-FFF2-40B4-BE49-F238E27FC236}">
                <a16:creationId xmlns:a16="http://schemas.microsoft.com/office/drawing/2014/main" id="{37ABB58A-1518-4209-B33D-BAAAA3FAB01B}"/>
              </a:ext>
            </a:extLst>
          </p:cNvPr>
          <p:cNvSpPr txBox="1"/>
          <p:nvPr/>
        </p:nvSpPr>
        <p:spPr>
          <a:xfrm>
            <a:off x="7499545" y="2313545"/>
            <a:ext cx="2387200" cy="33855422"/>
          </a:xfrm>
          <a:prstGeom prst="rect">
            <a:avLst/>
          </a:prstGeom>
          <a:noFill/>
        </p:spPr>
        <p:txBody>
          <a:bodyPr wrap="square" lIns="0" tIns="0" rIns="0" bIns="0" rtlCol="0">
            <a:spAutoFit/>
          </a:bodyPr>
          <a:lstStyle/>
          <a:p>
            <a:pPr algn="ctr"/>
            <a:r>
              <a:rPr lang="en-US" sz="20000" b="1" dirty="0">
                <a:solidFill>
                  <a:srgbClr val="0099DA"/>
                </a:solidFill>
              </a:rPr>
              <a:t>012</a:t>
            </a:r>
          </a:p>
          <a:p>
            <a:pPr algn="ctr"/>
            <a:r>
              <a:rPr lang="en-US" sz="20000" b="1" dirty="0">
                <a:solidFill>
                  <a:srgbClr val="0099DA"/>
                </a:solidFill>
              </a:rPr>
              <a:t>3</a:t>
            </a:r>
          </a:p>
          <a:p>
            <a:pPr algn="ctr"/>
            <a:r>
              <a:rPr lang="en-US" sz="20000" b="1" dirty="0">
                <a:solidFill>
                  <a:srgbClr val="0099DA"/>
                </a:solidFill>
              </a:rPr>
              <a:t>4</a:t>
            </a:r>
          </a:p>
          <a:p>
            <a:pPr algn="ctr"/>
            <a:r>
              <a:rPr lang="en-US" sz="20000" b="1" dirty="0">
                <a:solidFill>
                  <a:srgbClr val="0099DA"/>
                </a:solidFill>
              </a:rPr>
              <a:t>5</a:t>
            </a:r>
          </a:p>
          <a:p>
            <a:pPr algn="ctr"/>
            <a:r>
              <a:rPr lang="en-US" sz="20000" b="1" dirty="0">
                <a:solidFill>
                  <a:srgbClr val="0099DA"/>
                </a:solidFill>
              </a:rPr>
              <a:t>6</a:t>
            </a:r>
          </a:p>
          <a:p>
            <a:pPr algn="ctr"/>
            <a:r>
              <a:rPr lang="en-US" sz="20000" b="1" dirty="0">
                <a:solidFill>
                  <a:srgbClr val="0099DA"/>
                </a:solidFill>
              </a:rPr>
              <a:t>7</a:t>
            </a:r>
          </a:p>
          <a:p>
            <a:pPr algn="ctr"/>
            <a:r>
              <a:rPr lang="en-US" sz="20000" b="1" dirty="0">
                <a:solidFill>
                  <a:srgbClr val="0099DA"/>
                </a:solidFill>
              </a:rPr>
              <a:t>8</a:t>
            </a:r>
          </a:p>
          <a:p>
            <a:pPr algn="ctr"/>
            <a:r>
              <a:rPr lang="en-US" sz="20000" b="1" dirty="0">
                <a:solidFill>
                  <a:srgbClr val="0099DA"/>
                </a:solidFill>
              </a:rPr>
              <a:t>9</a:t>
            </a:r>
          </a:p>
          <a:p>
            <a:pPr algn="ctr"/>
            <a:endParaRPr lang="en-US" sz="20000" b="1" dirty="0">
              <a:solidFill>
                <a:srgbClr val="0099DA"/>
              </a:solidFill>
            </a:endParaRPr>
          </a:p>
        </p:txBody>
      </p:sp>
      <p:sp>
        <p:nvSpPr>
          <p:cNvPr id="11" name="TextBox 10">
            <a:extLst>
              <a:ext uri="{FF2B5EF4-FFF2-40B4-BE49-F238E27FC236}">
                <a16:creationId xmlns:a16="http://schemas.microsoft.com/office/drawing/2014/main" id="{90A45410-F16E-4625-B646-635105943A22}"/>
              </a:ext>
            </a:extLst>
          </p:cNvPr>
          <p:cNvSpPr txBox="1"/>
          <p:nvPr/>
        </p:nvSpPr>
        <p:spPr>
          <a:xfrm>
            <a:off x="2108200" y="16036"/>
            <a:ext cx="8953500" cy="2297509"/>
          </a:xfrm>
          <a:prstGeom prst="rect">
            <a:avLst/>
          </a:prstGeom>
          <a:solidFill>
            <a:schemeClr val="bg1"/>
          </a:solidFill>
        </p:spPr>
        <p:txBody>
          <a:bodyPr wrap="square" lIns="0" tIns="0" rIns="0" bIns="0" rtlCol="0">
            <a:spAutoFit/>
          </a:bodyPr>
          <a:lstStyle/>
          <a:p>
            <a:endParaRPr lang="en-US" sz="2000" dirty="0" err="1"/>
          </a:p>
        </p:txBody>
      </p:sp>
      <p:sp>
        <p:nvSpPr>
          <p:cNvPr id="3" name="Title 2"/>
          <p:cNvSpPr>
            <a:spLocks noGrp="1"/>
          </p:cNvSpPr>
          <p:nvPr>
            <p:ph type="title"/>
          </p:nvPr>
        </p:nvSpPr>
        <p:spPr>
          <a:xfrm>
            <a:off x="447479" y="149088"/>
            <a:ext cx="8332984" cy="1333637"/>
          </a:xfrm>
        </p:spPr>
        <p:txBody>
          <a:bodyPr/>
          <a:lstStyle/>
          <a:p>
            <a:r>
              <a:rPr lang="en-GB" dirty="0">
                <a:latin typeface="Open Sans Extrabold" panose="020B0906030804020204" pitchFamily="34" charset="0"/>
                <a:ea typeface="Open Sans Extrabold" panose="020B0906030804020204" pitchFamily="34" charset="0"/>
                <a:cs typeface="Open Sans Extrabold" panose="020B0906030804020204" pitchFamily="34" charset="0"/>
              </a:rPr>
              <a:t>Milestone Smart City </a:t>
            </a:r>
            <a:r>
              <a:rPr lang="en-GB" dirty="0" err="1">
                <a:latin typeface="Open Sans Extrabold" panose="020B0906030804020204" pitchFamily="34" charset="0"/>
                <a:ea typeface="Open Sans Extrabold" panose="020B0906030804020204" pitchFamily="34" charset="0"/>
                <a:cs typeface="Open Sans Extrabold" panose="020B0906030804020204" pitchFamily="34" charset="0"/>
              </a:rPr>
              <a:t>projekty</a:t>
            </a:r>
            <a:endParaRPr lang="en-GB" dirty="0">
              <a:latin typeface="Open Sans Extrabold" panose="020B0906030804020204" pitchFamily="34" charset="0"/>
              <a:ea typeface="Open Sans Extrabold" panose="020B0906030804020204" pitchFamily="34" charset="0"/>
              <a:cs typeface="Open Sans Extrabold" panose="020B0906030804020204" pitchFamily="34" charset="0"/>
            </a:endParaRPr>
          </a:p>
        </p:txBody>
      </p:sp>
      <p:sp>
        <p:nvSpPr>
          <p:cNvPr id="6" name="Text Placeholder 5"/>
          <p:cNvSpPr>
            <a:spLocks noGrp="1"/>
          </p:cNvSpPr>
          <p:nvPr>
            <p:ph type="body" sz="quarter" idx="14"/>
          </p:nvPr>
        </p:nvSpPr>
        <p:spPr/>
        <p:txBody>
          <a:bodyPr/>
          <a:lstStyle/>
          <a:p>
            <a:endParaRPr lang="en-GB" dirty="0"/>
          </a:p>
        </p:txBody>
      </p:sp>
      <p:sp>
        <p:nvSpPr>
          <p:cNvPr id="5" name="Footer Placeholder 4"/>
          <p:cNvSpPr>
            <a:spLocks noGrp="1"/>
          </p:cNvSpPr>
          <p:nvPr>
            <p:ph type="ftr" sz="quarter" idx="24"/>
          </p:nvPr>
        </p:nvSpPr>
        <p:spPr/>
        <p:txBody>
          <a:bodyPr/>
          <a:lstStyle/>
          <a:p>
            <a:endParaRPr lang="en-GB" dirty="0"/>
          </a:p>
        </p:txBody>
      </p:sp>
      <p:sp>
        <p:nvSpPr>
          <p:cNvPr id="38" name="TextBox 37">
            <a:extLst>
              <a:ext uri="{FF2B5EF4-FFF2-40B4-BE49-F238E27FC236}">
                <a16:creationId xmlns:a16="http://schemas.microsoft.com/office/drawing/2014/main" id="{31540B30-F2D9-4A78-A60C-AF12F1542C7C}"/>
              </a:ext>
            </a:extLst>
          </p:cNvPr>
          <p:cNvSpPr txBox="1"/>
          <p:nvPr/>
        </p:nvSpPr>
        <p:spPr>
          <a:xfrm>
            <a:off x="3735587" y="2313545"/>
            <a:ext cx="2387200" cy="33855422"/>
          </a:xfrm>
          <a:prstGeom prst="rect">
            <a:avLst/>
          </a:prstGeom>
          <a:noFill/>
        </p:spPr>
        <p:txBody>
          <a:bodyPr wrap="square" lIns="0" tIns="0" rIns="0" bIns="0" rtlCol="0">
            <a:spAutoFit/>
          </a:bodyPr>
          <a:lstStyle/>
          <a:p>
            <a:pPr algn="ctr"/>
            <a:r>
              <a:rPr lang="en-US" sz="20000" b="1" dirty="0">
                <a:solidFill>
                  <a:srgbClr val="0099DA"/>
                </a:solidFill>
              </a:rPr>
              <a:t>012</a:t>
            </a:r>
          </a:p>
          <a:p>
            <a:pPr algn="ctr"/>
            <a:r>
              <a:rPr lang="en-US" sz="20000" b="1" dirty="0">
                <a:solidFill>
                  <a:srgbClr val="0099DA"/>
                </a:solidFill>
              </a:rPr>
              <a:t>3</a:t>
            </a:r>
          </a:p>
          <a:p>
            <a:pPr algn="ctr"/>
            <a:r>
              <a:rPr lang="en-US" sz="20000" b="1" dirty="0">
                <a:solidFill>
                  <a:srgbClr val="0099DA"/>
                </a:solidFill>
              </a:rPr>
              <a:t>4</a:t>
            </a:r>
          </a:p>
          <a:p>
            <a:pPr algn="ctr"/>
            <a:r>
              <a:rPr lang="en-US" sz="20000" b="1" dirty="0">
                <a:solidFill>
                  <a:srgbClr val="0099DA"/>
                </a:solidFill>
              </a:rPr>
              <a:t>5</a:t>
            </a:r>
          </a:p>
          <a:p>
            <a:pPr algn="ctr"/>
            <a:r>
              <a:rPr lang="en-US" sz="20000" b="1" dirty="0">
                <a:solidFill>
                  <a:srgbClr val="0099DA"/>
                </a:solidFill>
              </a:rPr>
              <a:t>6</a:t>
            </a:r>
          </a:p>
          <a:p>
            <a:pPr algn="ctr"/>
            <a:r>
              <a:rPr lang="en-US" sz="20000" b="1" dirty="0">
                <a:solidFill>
                  <a:srgbClr val="0099DA"/>
                </a:solidFill>
              </a:rPr>
              <a:t>7</a:t>
            </a:r>
          </a:p>
          <a:p>
            <a:pPr algn="ctr"/>
            <a:r>
              <a:rPr lang="en-US" sz="20000" b="1" dirty="0">
                <a:solidFill>
                  <a:srgbClr val="0099DA"/>
                </a:solidFill>
              </a:rPr>
              <a:t>8</a:t>
            </a:r>
          </a:p>
          <a:p>
            <a:pPr algn="ctr"/>
            <a:r>
              <a:rPr lang="en-US" sz="20000" b="1" dirty="0">
                <a:solidFill>
                  <a:srgbClr val="0099DA"/>
                </a:solidFill>
              </a:rPr>
              <a:t>9</a:t>
            </a:r>
          </a:p>
          <a:p>
            <a:pPr algn="ctr"/>
            <a:endParaRPr lang="en-US" sz="20000" b="1" dirty="0">
              <a:solidFill>
                <a:srgbClr val="0099DA"/>
              </a:solidFill>
            </a:endParaRPr>
          </a:p>
        </p:txBody>
      </p:sp>
      <p:sp>
        <p:nvSpPr>
          <p:cNvPr id="40" name="TextBox 39">
            <a:extLst>
              <a:ext uri="{FF2B5EF4-FFF2-40B4-BE49-F238E27FC236}">
                <a16:creationId xmlns:a16="http://schemas.microsoft.com/office/drawing/2014/main" id="{F43ECFB0-DB9A-4EA6-9A76-C24C6EC10200}"/>
              </a:ext>
            </a:extLst>
          </p:cNvPr>
          <p:cNvSpPr txBox="1"/>
          <p:nvPr/>
        </p:nvSpPr>
        <p:spPr>
          <a:xfrm>
            <a:off x="5623351" y="2313545"/>
            <a:ext cx="2387200" cy="33855422"/>
          </a:xfrm>
          <a:prstGeom prst="rect">
            <a:avLst/>
          </a:prstGeom>
          <a:noFill/>
        </p:spPr>
        <p:txBody>
          <a:bodyPr wrap="square" lIns="0" tIns="0" rIns="0" bIns="0" rtlCol="0">
            <a:spAutoFit/>
          </a:bodyPr>
          <a:lstStyle/>
          <a:p>
            <a:pPr algn="ctr"/>
            <a:r>
              <a:rPr lang="en-US" sz="20000" b="1" dirty="0">
                <a:solidFill>
                  <a:srgbClr val="0099DA"/>
                </a:solidFill>
              </a:rPr>
              <a:t>012</a:t>
            </a:r>
          </a:p>
          <a:p>
            <a:pPr algn="ctr"/>
            <a:r>
              <a:rPr lang="en-US" sz="20000" b="1" dirty="0">
                <a:solidFill>
                  <a:srgbClr val="0099DA"/>
                </a:solidFill>
              </a:rPr>
              <a:t>3</a:t>
            </a:r>
          </a:p>
          <a:p>
            <a:pPr algn="ctr"/>
            <a:r>
              <a:rPr lang="en-US" sz="20000" b="1" dirty="0">
                <a:solidFill>
                  <a:srgbClr val="0099DA"/>
                </a:solidFill>
              </a:rPr>
              <a:t>4</a:t>
            </a:r>
          </a:p>
          <a:p>
            <a:pPr algn="ctr"/>
            <a:r>
              <a:rPr lang="en-US" sz="20000" b="1" dirty="0">
                <a:solidFill>
                  <a:srgbClr val="0099DA"/>
                </a:solidFill>
              </a:rPr>
              <a:t>5</a:t>
            </a:r>
          </a:p>
          <a:p>
            <a:pPr algn="ctr"/>
            <a:r>
              <a:rPr lang="en-US" sz="20000" b="1" dirty="0">
                <a:solidFill>
                  <a:srgbClr val="0099DA"/>
                </a:solidFill>
              </a:rPr>
              <a:t>6</a:t>
            </a:r>
          </a:p>
          <a:p>
            <a:pPr algn="ctr"/>
            <a:r>
              <a:rPr lang="en-US" sz="20000" b="1" dirty="0">
                <a:solidFill>
                  <a:srgbClr val="0099DA"/>
                </a:solidFill>
              </a:rPr>
              <a:t>7</a:t>
            </a:r>
          </a:p>
          <a:p>
            <a:pPr algn="ctr"/>
            <a:r>
              <a:rPr lang="en-US" sz="20000" b="1" dirty="0">
                <a:solidFill>
                  <a:srgbClr val="0099DA"/>
                </a:solidFill>
              </a:rPr>
              <a:t>8</a:t>
            </a:r>
          </a:p>
          <a:p>
            <a:pPr algn="ctr"/>
            <a:r>
              <a:rPr lang="en-US" sz="20000" b="1" dirty="0">
                <a:solidFill>
                  <a:srgbClr val="0099DA"/>
                </a:solidFill>
              </a:rPr>
              <a:t>9</a:t>
            </a:r>
          </a:p>
          <a:p>
            <a:pPr algn="ctr"/>
            <a:endParaRPr lang="en-US" sz="20000" b="1" dirty="0">
              <a:solidFill>
                <a:srgbClr val="0099DA"/>
              </a:solidFill>
            </a:endParaRPr>
          </a:p>
        </p:txBody>
      </p:sp>
      <p:sp>
        <p:nvSpPr>
          <p:cNvPr id="41" name="TextBox 40">
            <a:extLst>
              <a:ext uri="{FF2B5EF4-FFF2-40B4-BE49-F238E27FC236}">
                <a16:creationId xmlns:a16="http://schemas.microsoft.com/office/drawing/2014/main" id="{E166E920-F25E-4E87-AC55-BD431C1396A7}"/>
              </a:ext>
            </a:extLst>
          </p:cNvPr>
          <p:cNvSpPr txBox="1"/>
          <p:nvPr/>
        </p:nvSpPr>
        <p:spPr>
          <a:xfrm>
            <a:off x="2206627" y="5806290"/>
            <a:ext cx="8953500" cy="2297509"/>
          </a:xfrm>
          <a:prstGeom prst="rect">
            <a:avLst/>
          </a:prstGeom>
          <a:solidFill>
            <a:schemeClr val="bg1"/>
          </a:solidFill>
        </p:spPr>
        <p:txBody>
          <a:bodyPr wrap="square" lIns="0" tIns="0" rIns="0" bIns="0" rtlCol="0">
            <a:spAutoFit/>
          </a:bodyPr>
          <a:lstStyle/>
          <a:p>
            <a:endParaRPr lang="en-US" sz="2000" dirty="0" err="1"/>
          </a:p>
        </p:txBody>
      </p:sp>
    </p:spTree>
    <p:custDataLst>
      <p:tags r:id="rId1"/>
    </p:custDataLst>
    <p:extLst>
      <p:ext uri="{BB962C8B-B14F-4D97-AF65-F5344CB8AC3E}">
        <p14:creationId xmlns:p14="http://schemas.microsoft.com/office/powerpoint/2010/main" val="48406265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TextBox 37">
            <a:extLst>
              <a:ext uri="{FF2B5EF4-FFF2-40B4-BE49-F238E27FC236}">
                <a16:creationId xmlns:a16="http://schemas.microsoft.com/office/drawing/2014/main" id="{31540B30-F2D9-4A78-A60C-AF12F1542C7C}"/>
              </a:ext>
            </a:extLst>
          </p:cNvPr>
          <p:cNvSpPr txBox="1"/>
          <p:nvPr/>
        </p:nvSpPr>
        <p:spPr>
          <a:xfrm>
            <a:off x="3921071" y="-637863"/>
            <a:ext cx="2387200" cy="33855422"/>
          </a:xfrm>
          <a:prstGeom prst="rect">
            <a:avLst/>
          </a:prstGeom>
          <a:noFill/>
        </p:spPr>
        <p:txBody>
          <a:bodyPr wrap="square" lIns="0" tIns="0" rIns="0" bIns="0" rtlCol="0">
            <a:spAutoFit/>
          </a:bodyPr>
          <a:lstStyle/>
          <a:p>
            <a:pPr algn="ctr"/>
            <a:r>
              <a:rPr lang="en-US" sz="20000" b="1" dirty="0">
                <a:solidFill>
                  <a:srgbClr val="0099DA"/>
                </a:solidFill>
              </a:rPr>
              <a:t>012</a:t>
            </a:r>
          </a:p>
          <a:p>
            <a:pPr algn="ctr"/>
            <a:r>
              <a:rPr lang="en-US" sz="20000" b="1" dirty="0">
                <a:solidFill>
                  <a:srgbClr val="0099DA"/>
                </a:solidFill>
              </a:rPr>
              <a:t>3</a:t>
            </a:r>
          </a:p>
          <a:p>
            <a:pPr algn="ctr"/>
            <a:r>
              <a:rPr lang="en-US" sz="20000" b="1" dirty="0">
                <a:solidFill>
                  <a:srgbClr val="0099DA"/>
                </a:solidFill>
              </a:rPr>
              <a:t>4</a:t>
            </a:r>
          </a:p>
          <a:p>
            <a:pPr algn="ctr"/>
            <a:r>
              <a:rPr lang="en-US" sz="20000" b="1" dirty="0">
                <a:solidFill>
                  <a:srgbClr val="0099DA"/>
                </a:solidFill>
              </a:rPr>
              <a:t>5</a:t>
            </a:r>
          </a:p>
          <a:p>
            <a:pPr algn="ctr"/>
            <a:r>
              <a:rPr lang="en-US" sz="20000" b="1" dirty="0">
                <a:solidFill>
                  <a:srgbClr val="0099DA"/>
                </a:solidFill>
              </a:rPr>
              <a:t>6</a:t>
            </a:r>
          </a:p>
          <a:p>
            <a:pPr algn="ctr"/>
            <a:r>
              <a:rPr lang="en-US" sz="20000" b="1" dirty="0">
                <a:solidFill>
                  <a:srgbClr val="0099DA"/>
                </a:solidFill>
              </a:rPr>
              <a:t>7</a:t>
            </a:r>
          </a:p>
          <a:p>
            <a:pPr algn="ctr"/>
            <a:r>
              <a:rPr lang="en-US" sz="20000" b="1" dirty="0">
                <a:solidFill>
                  <a:srgbClr val="0099DA"/>
                </a:solidFill>
              </a:rPr>
              <a:t>8</a:t>
            </a:r>
          </a:p>
          <a:p>
            <a:pPr algn="ctr"/>
            <a:r>
              <a:rPr lang="en-US" sz="20000" b="1" dirty="0">
                <a:solidFill>
                  <a:srgbClr val="0099DA"/>
                </a:solidFill>
              </a:rPr>
              <a:t>9</a:t>
            </a:r>
          </a:p>
          <a:p>
            <a:pPr algn="ctr"/>
            <a:endParaRPr lang="en-US" sz="20000" b="1" dirty="0">
              <a:solidFill>
                <a:srgbClr val="0099DA"/>
              </a:solidFill>
            </a:endParaRPr>
          </a:p>
        </p:txBody>
      </p:sp>
      <p:sp>
        <p:nvSpPr>
          <p:cNvPr id="40" name="TextBox 39">
            <a:extLst>
              <a:ext uri="{FF2B5EF4-FFF2-40B4-BE49-F238E27FC236}">
                <a16:creationId xmlns:a16="http://schemas.microsoft.com/office/drawing/2014/main" id="{F43ECFB0-DB9A-4EA6-9A76-C24C6EC10200}"/>
              </a:ext>
            </a:extLst>
          </p:cNvPr>
          <p:cNvSpPr txBox="1"/>
          <p:nvPr/>
        </p:nvSpPr>
        <p:spPr>
          <a:xfrm>
            <a:off x="5710308" y="-18933555"/>
            <a:ext cx="2387200" cy="33855422"/>
          </a:xfrm>
          <a:prstGeom prst="rect">
            <a:avLst/>
          </a:prstGeom>
          <a:noFill/>
        </p:spPr>
        <p:txBody>
          <a:bodyPr wrap="square" lIns="0" tIns="0" rIns="0" bIns="0" rtlCol="0">
            <a:spAutoFit/>
          </a:bodyPr>
          <a:lstStyle/>
          <a:p>
            <a:pPr algn="ctr"/>
            <a:r>
              <a:rPr lang="en-US" sz="20000" b="1" dirty="0">
                <a:solidFill>
                  <a:srgbClr val="0099DA"/>
                </a:solidFill>
              </a:rPr>
              <a:t>012</a:t>
            </a:r>
          </a:p>
          <a:p>
            <a:pPr algn="ctr"/>
            <a:r>
              <a:rPr lang="en-US" sz="20000" b="1" dirty="0">
                <a:solidFill>
                  <a:srgbClr val="0099DA"/>
                </a:solidFill>
              </a:rPr>
              <a:t>3</a:t>
            </a:r>
          </a:p>
          <a:p>
            <a:pPr algn="ctr"/>
            <a:r>
              <a:rPr lang="en-US" sz="20000" b="1" dirty="0">
                <a:solidFill>
                  <a:srgbClr val="0099DA"/>
                </a:solidFill>
              </a:rPr>
              <a:t>4</a:t>
            </a:r>
          </a:p>
          <a:p>
            <a:pPr algn="ctr"/>
            <a:r>
              <a:rPr lang="en-US" sz="20000" b="1" dirty="0">
                <a:solidFill>
                  <a:srgbClr val="0099DA"/>
                </a:solidFill>
              </a:rPr>
              <a:t>5</a:t>
            </a:r>
          </a:p>
          <a:p>
            <a:pPr algn="ctr"/>
            <a:r>
              <a:rPr lang="en-US" sz="20000" b="1" dirty="0">
                <a:solidFill>
                  <a:srgbClr val="0099DA"/>
                </a:solidFill>
              </a:rPr>
              <a:t>6</a:t>
            </a:r>
          </a:p>
          <a:p>
            <a:pPr algn="ctr"/>
            <a:r>
              <a:rPr lang="en-US" sz="20000" b="1" dirty="0">
                <a:solidFill>
                  <a:srgbClr val="0099DA"/>
                </a:solidFill>
              </a:rPr>
              <a:t>7</a:t>
            </a:r>
          </a:p>
          <a:p>
            <a:pPr algn="ctr"/>
            <a:r>
              <a:rPr lang="en-US" sz="20000" b="1" dirty="0">
                <a:solidFill>
                  <a:srgbClr val="0099DA"/>
                </a:solidFill>
              </a:rPr>
              <a:t>8</a:t>
            </a:r>
          </a:p>
          <a:p>
            <a:pPr algn="ctr"/>
            <a:r>
              <a:rPr lang="en-US" sz="20000" b="1" dirty="0">
                <a:solidFill>
                  <a:srgbClr val="0099DA"/>
                </a:solidFill>
              </a:rPr>
              <a:t>9</a:t>
            </a:r>
          </a:p>
          <a:p>
            <a:pPr algn="ctr"/>
            <a:endParaRPr lang="en-US" sz="20000" b="1" dirty="0">
              <a:solidFill>
                <a:srgbClr val="0099DA"/>
              </a:solidFill>
            </a:endParaRPr>
          </a:p>
        </p:txBody>
      </p:sp>
      <p:sp>
        <p:nvSpPr>
          <p:cNvPr id="9" name="TextBox 8">
            <a:extLst>
              <a:ext uri="{FF2B5EF4-FFF2-40B4-BE49-F238E27FC236}">
                <a16:creationId xmlns:a16="http://schemas.microsoft.com/office/drawing/2014/main" id="{37ABB58A-1518-4209-B33D-BAAAA3FAB01B}"/>
              </a:ext>
            </a:extLst>
          </p:cNvPr>
          <p:cNvSpPr txBox="1"/>
          <p:nvPr/>
        </p:nvSpPr>
        <p:spPr>
          <a:xfrm>
            <a:off x="7499545" y="2402445"/>
            <a:ext cx="2387200" cy="33855422"/>
          </a:xfrm>
          <a:prstGeom prst="rect">
            <a:avLst/>
          </a:prstGeom>
          <a:noFill/>
        </p:spPr>
        <p:txBody>
          <a:bodyPr wrap="square" lIns="0" tIns="0" rIns="0" bIns="0" rtlCol="0">
            <a:spAutoFit/>
          </a:bodyPr>
          <a:lstStyle/>
          <a:p>
            <a:pPr algn="ctr"/>
            <a:r>
              <a:rPr lang="en-US" sz="20000" b="1" dirty="0">
                <a:solidFill>
                  <a:srgbClr val="0099DA"/>
                </a:solidFill>
              </a:rPr>
              <a:t>012</a:t>
            </a:r>
          </a:p>
          <a:p>
            <a:pPr algn="ctr"/>
            <a:r>
              <a:rPr lang="en-US" sz="20000" b="1" dirty="0">
                <a:solidFill>
                  <a:srgbClr val="0099DA"/>
                </a:solidFill>
              </a:rPr>
              <a:t>3</a:t>
            </a:r>
          </a:p>
          <a:p>
            <a:pPr algn="ctr"/>
            <a:r>
              <a:rPr lang="en-US" sz="20000" b="1" dirty="0">
                <a:solidFill>
                  <a:srgbClr val="0099DA"/>
                </a:solidFill>
              </a:rPr>
              <a:t>4</a:t>
            </a:r>
          </a:p>
          <a:p>
            <a:pPr algn="ctr"/>
            <a:r>
              <a:rPr lang="en-US" sz="20000" b="1" dirty="0">
                <a:solidFill>
                  <a:srgbClr val="0099DA"/>
                </a:solidFill>
              </a:rPr>
              <a:t>5</a:t>
            </a:r>
          </a:p>
          <a:p>
            <a:pPr algn="ctr"/>
            <a:r>
              <a:rPr lang="en-US" sz="20000" b="1" dirty="0">
                <a:solidFill>
                  <a:srgbClr val="0099DA"/>
                </a:solidFill>
              </a:rPr>
              <a:t>6</a:t>
            </a:r>
          </a:p>
          <a:p>
            <a:pPr algn="ctr"/>
            <a:r>
              <a:rPr lang="en-US" sz="20000" b="1" dirty="0">
                <a:solidFill>
                  <a:srgbClr val="0099DA"/>
                </a:solidFill>
              </a:rPr>
              <a:t>7</a:t>
            </a:r>
          </a:p>
          <a:p>
            <a:pPr algn="ctr"/>
            <a:r>
              <a:rPr lang="en-US" sz="20000" b="1" dirty="0">
                <a:solidFill>
                  <a:srgbClr val="0099DA"/>
                </a:solidFill>
              </a:rPr>
              <a:t>8</a:t>
            </a:r>
          </a:p>
          <a:p>
            <a:pPr algn="ctr"/>
            <a:r>
              <a:rPr lang="en-US" sz="20000" b="1" dirty="0">
                <a:solidFill>
                  <a:srgbClr val="0099DA"/>
                </a:solidFill>
              </a:rPr>
              <a:t>9</a:t>
            </a:r>
          </a:p>
          <a:p>
            <a:pPr algn="ctr"/>
            <a:endParaRPr lang="en-US" sz="20000" b="1" dirty="0">
              <a:solidFill>
                <a:srgbClr val="0099DA"/>
              </a:solidFill>
            </a:endParaRPr>
          </a:p>
        </p:txBody>
      </p:sp>
      <p:sp>
        <p:nvSpPr>
          <p:cNvPr id="11" name="TextBox 10">
            <a:extLst>
              <a:ext uri="{FF2B5EF4-FFF2-40B4-BE49-F238E27FC236}">
                <a16:creationId xmlns:a16="http://schemas.microsoft.com/office/drawing/2014/main" id="{90A45410-F16E-4625-B646-635105943A22}"/>
              </a:ext>
            </a:extLst>
          </p:cNvPr>
          <p:cNvSpPr txBox="1"/>
          <p:nvPr/>
        </p:nvSpPr>
        <p:spPr>
          <a:xfrm>
            <a:off x="933245" y="0"/>
            <a:ext cx="8953500" cy="2297509"/>
          </a:xfrm>
          <a:prstGeom prst="rect">
            <a:avLst/>
          </a:prstGeom>
          <a:solidFill>
            <a:schemeClr val="bg1"/>
          </a:solidFill>
        </p:spPr>
        <p:txBody>
          <a:bodyPr wrap="square" lIns="0" tIns="0" rIns="0" bIns="0" rtlCol="0">
            <a:spAutoFit/>
          </a:bodyPr>
          <a:lstStyle/>
          <a:p>
            <a:endParaRPr lang="en-US" sz="2000" dirty="0" err="1"/>
          </a:p>
        </p:txBody>
      </p:sp>
      <p:sp>
        <p:nvSpPr>
          <p:cNvPr id="3" name="Title 2"/>
          <p:cNvSpPr>
            <a:spLocks noGrp="1"/>
          </p:cNvSpPr>
          <p:nvPr>
            <p:ph type="title"/>
          </p:nvPr>
        </p:nvSpPr>
        <p:spPr>
          <a:xfrm>
            <a:off x="447479" y="149088"/>
            <a:ext cx="8332984" cy="1333637"/>
          </a:xfrm>
        </p:spPr>
        <p:txBody>
          <a:bodyPr/>
          <a:lstStyle/>
          <a:p>
            <a:r>
              <a:rPr lang="en-GB" dirty="0">
                <a:latin typeface="Open Sans Extrabold" panose="020B0906030804020204" pitchFamily="34" charset="0"/>
                <a:ea typeface="Open Sans Extrabold" panose="020B0906030804020204" pitchFamily="34" charset="0"/>
                <a:cs typeface="Open Sans Extrabold" panose="020B0906030804020204" pitchFamily="34" charset="0"/>
              </a:rPr>
              <a:t>Milestone Smart City </a:t>
            </a:r>
            <a:r>
              <a:rPr lang="en-GB" dirty="0" err="1">
                <a:latin typeface="Open Sans Extrabold" panose="020B0906030804020204" pitchFamily="34" charset="0"/>
                <a:ea typeface="Open Sans Extrabold" panose="020B0906030804020204" pitchFamily="34" charset="0"/>
                <a:cs typeface="Open Sans Extrabold" panose="020B0906030804020204" pitchFamily="34" charset="0"/>
              </a:rPr>
              <a:t>projekty</a:t>
            </a:r>
            <a:endParaRPr lang="en-GB" dirty="0">
              <a:latin typeface="Open Sans Extrabold" panose="020B0906030804020204" pitchFamily="34" charset="0"/>
              <a:ea typeface="Open Sans Extrabold" panose="020B0906030804020204" pitchFamily="34" charset="0"/>
              <a:cs typeface="Open Sans Extrabold" panose="020B0906030804020204" pitchFamily="34" charset="0"/>
            </a:endParaRPr>
          </a:p>
        </p:txBody>
      </p:sp>
      <p:sp>
        <p:nvSpPr>
          <p:cNvPr id="6" name="Text Placeholder 5"/>
          <p:cNvSpPr>
            <a:spLocks noGrp="1"/>
          </p:cNvSpPr>
          <p:nvPr>
            <p:ph type="body" sz="quarter" idx="14"/>
          </p:nvPr>
        </p:nvSpPr>
        <p:spPr/>
        <p:txBody>
          <a:bodyPr/>
          <a:lstStyle/>
          <a:p>
            <a:endParaRPr lang="en-GB" dirty="0"/>
          </a:p>
        </p:txBody>
      </p:sp>
      <p:sp>
        <p:nvSpPr>
          <p:cNvPr id="5" name="Footer Placeholder 4"/>
          <p:cNvSpPr>
            <a:spLocks noGrp="1"/>
          </p:cNvSpPr>
          <p:nvPr>
            <p:ph type="ftr" sz="quarter" idx="24"/>
          </p:nvPr>
        </p:nvSpPr>
        <p:spPr/>
        <p:txBody>
          <a:bodyPr/>
          <a:lstStyle/>
          <a:p>
            <a:endParaRPr lang="en-GB" dirty="0"/>
          </a:p>
        </p:txBody>
      </p:sp>
      <p:sp>
        <p:nvSpPr>
          <p:cNvPr id="41" name="TextBox 40">
            <a:extLst>
              <a:ext uri="{FF2B5EF4-FFF2-40B4-BE49-F238E27FC236}">
                <a16:creationId xmlns:a16="http://schemas.microsoft.com/office/drawing/2014/main" id="{E166E920-F25E-4E87-AC55-BD431C1396A7}"/>
              </a:ext>
            </a:extLst>
          </p:cNvPr>
          <p:cNvSpPr txBox="1"/>
          <p:nvPr/>
        </p:nvSpPr>
        <p:spPr>
          <a:xfrm>
            <a:off x="1876427" y="5171290"/>
            <a:ext cx="8953500" cy="2297509"/>
          </a:xfrm>
          <a:prstGeom prst="rect">
            <a:avLst/>
          </a:prstGeom>
          <a:solidFill>
            <a:schemeClr val="bg1"/>
          </a:solidFill>
        </p:spPr>
        <p:txBody>
          <a:bodyPr wrap="square" lIns="0" tIns="0" rIns="0" bIns="0" rtlCol="0">
            <a:spAutoFit/>
          </a:bodyPr>
          <a:lstStyle/>
          <a:p>
            <a:endParaRPr lang="en-US" sz="2000" dirty="0" err="1"/>
          </a:p>
        </p:txBody>
      </p:sp>
    </p:spTree>
    <p:custDataLst>
      <p:tags r:id="rId1"/>
    </p:custDataLst>
    <p:extLst>
      <p:ext uri="{BB962C8B-B14F-4D97-AF65-F5344CB8AC3E}">
        <p14:creationId xmlns:p14="http://schemas.microsoft.com/office/powerpoint/2010/main" val="321276054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A person holding a child&#10;&#10;Description automatically generated with low confidence">
            <a:extLst>
              <a:ext uri="{FF2B5EF4-FFF2-40B4-BE49-F238E27FC236}">
                <a16:creationId xmlns:a16="http://schemas.microsoft.com/office/drawing/2014/main" id="{D671975E-9A48-4101-B0A3-C4E49FEC7619}"/>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0" y="0"/>
            <a:ext cx="12192000" cy="6858000"/>
          </a:xfrm>
          <a:prstGeom prst="rect">
            <a:avLst/>
          </a:prstGeom>
          <a:ln>
            <a:noFill/>
          </a:ln>
        </p:spPr>
      </p:pic>
      <p:sp>
        <p:nvSpPr>
          <p:cNvPr id="10" name="Rectangle 9">
            <a:extLst>
              <a:ext uri="{FF2B5EF4-FFF2-40B4-BE49-F238E27FC236}">
                <a16:creationId xmlns:a16="http://schemas.microsoft.com/office/drawing/2014/main" id="{ABEBAAA9-2EEC-4EED-8F08-A16182BE8E68}"/>
              </a:ext>
            </a:extLst>
          </p:cNvPr>
          <p:cNvSpPr/>
          <p:nvPr/>
        </p:nvSpPr>
        <p:spPr>
          <a:xfrm rot="5400000" flipV="1">
            <a:off x="2707489" y="-2707488"/>
            <a:ext cx="6819549" cy="12234528"/>
          </a:xfrm>
          <a:prstGeom prst="rect">
            <a:avLst/>
          </a:prstGeom>
          <a:gradFill flip="none" rotWithShape="1">
            <a:gsLst>
              <a:gs pos="0">
                <a:schemeClr val="accent2">
                  <a:alpha val="65000"/>
                </a:schemeClr>
              </a:gs>
              <a:gs pos="68000">
                <a:schemeClr val="accent2">
                  <a:alpha val="0"/>
                </a:schemeClr>
              </a:gs>
            </a:gsLst>
            <a:lin ang="27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23641B2B-9728-4083-8212-8709E59B20A4}"/>
              </a:ext>
            </a:extLst>
          </p:cNvPr>
          <p:cNvSpPr>
            <a:spLocks noGrp="1"/>
          </p:cNvSpPr>
          <p:nvPr>
            <p:ph type="ctrTitle"/>
          </p:nvPr>
        </p:nvSpPr>
        <p:spPr>
          <a:xfrm>
            <a:off x="1376640" y="3990202"/>
            <a:ext cx="5834388" cy="2829346"/>
          </a:xfrm>
        </p:spPr>
        <p:txBody>
          <a:bodyPr anchor="t"/>
          <a:lstStyle/>
          <a:p>
            <a:r>
              <a:rPr lang="en-GB" sz="3600" dirty="0">
                <a:latin typeface="+mn-lt"/>
              </a:rPr>
              <a:t>Jak toto </a:t>
            </a:r>
            <a:r>
              <a:rPr lang="en-GB" sz="3600" dirty="0" err="1">
                <a:latin typeface="+mn-lt"/>
              </a:rPr>
              <a:t>vyřešit</a:t>
            </a:r>
            <a:r>
              <a:rPr lang="en-GB" sz="3600" dirty="0">
                <a:latin typeface="+mn-lt"/>
              </a:rPr>
              <a:t> ? </a:t>
            </a:r>
            <a:br>
              <a:rPr lang="en-GB" sz="3600" dirty="0">
                <a:latin typeface="+mn-lt"/>
              </a:rPr>
            </a:br>
            <a:r>
              <a:rPr lang="en-GB" sz="3600" dirty="0">
                <a:latin typeface="+mn-lt"/>
              </a:rPr>
              <a:t>Je </a:t>
            </a:r>
            <a:r>
              <a:rPr lang="en-GB" sz="3600" dirty="0" err="1">
                <a:latin typeface="+mn-lt"/>
              </a:rPr>
              <a:t>čas</a:t>
            </a:r>
            <a:r>
              <a:rPr lang="en-GB" sz="3600" dirty="0">
                <a:latin typeface="+mn-lt"/>
              </a:rPr>
              <a:t>, </a:t>
            </a:r>
            <a:r>
              <a:rPr lang="en-GB" sz="3600" dirty="0" err="1">
                <a:latin typeface="+mn-lt"/>
              </a:rPr>
              <a:t>abychom</a:t>
            </a:r>
            <a:r>
              <a:rPr lang="en-GB" sz="3600" dirty="0">
                <a:latin typeface="+mn-lt"/>
              </a:rPr>
              <a:t> se </a:t>
            </a:r>
            <a:r>
              <a:rPr lang="en-GB" sz="3600" dirty="0" err="1">
                <a:latin typeface="+mn-lt"/>
              </a:rPr>
              <a:t>všichni</a:t>
            </a:r>
            <a:r>
              <a:rPr lang="en-GB" sz="3600" dirty="0">
                <a:latin typeface="+mn-lt"/>
              </a:rPr>
              <a:t> </a:t>
            </a:r>
            <a:r>
              <a:rPr lang="en-GB" sz="3600" dirty="0" err="1">
                <a:latin typeface="+mn-lt"/>
              </a:rPr>
              <a:t>zamysleli</a:t>
            </a:r>
            <a:r>
              <a:rPr lang="en-GB" sz="3600" dirty="0">
                <a:latin typeface="+mn-lt"/>
              </a:rPr>
              <a:t> jak </a:t>
            </a:r>
            <a:r>
              <a:rPr lang="en-GB" sz="3600" dirty="0" err="1">
                <a:latin typeface="+mn-lt"/>
              </a:rPr>
              <a:t>žít</a:t>
            </a:r>
            <a:r>
              <a:rPr lang="en-GB" sz="3600" dirty="0">
                <a:latin typeface="+mn-lt"/>
              </a:rPr>
              <a:t> </a:t>
            </a:r>
            <a:br>
              <a:rPr lang="en-GB" sz="3600" dirty="0">
                <a:latin typeface="+mn-lt"/>
              </a:rPr>
            </a:br>
            <a:r>
              <a:rPr lang="en-GB" sz="3600" dirty="0">
                <a:latin typeface="+mn-lt"/>
              </a:rPr>
              <a:t>v </a:t>
            </a:r>
            <a:r>
              <a:rPr lang="en-GB" sz="3600" dirty="0" err="1">
                <a:latin typeface="+mn-lt"/>
              </a:rPr>
              <a:t>moderních</a:t>
            </a:r>
            <a:r>
              <a:rPr lang="en-GB" sz="3600" dirty="0">
                <a:latin typeface="+mn-lt"/>
              </a:rPr>
              <a:t> </a:t>
            </a:r>
            <a:r>
              <a:rPr lang="en-GB" sz="3600" dirty="0" err="1">
                <a:latin typeface="+mn-lt"/>
              </a:rPr>
              <a:t>městech</a:t>
            </a:r>
            <a:r>
              <a:rPr lang="en-GB" sz="3600" dirty="0">
                <a:latin typeface="+mn-lt"/>
              </a:rPr>
              <a:t>.</a:t>
            </a:r>
            <a:endParaRPr lang="en-GB" dirty="0"/>
          </a:p>
        </p:txBody>
      </p:sp>
      <p:sp>
        <p:nvSpPr>
          <p:cNvPr id="3" name="Footer Placeholder 2">
            <a:extLst>
              <a:ext uri="{FF2B5EF4-FFF2-40B4-BE49-F238E27FC236}">
                <a16:creationId xmlns:a16="http://schemas.microsoft.com/office/drawing/2014/main" id="{E8711295-64E8-4F99-909C-458BF87AFBA2}"/>
              </a:ext>
            </a:extLst>
          </p:cNvPr>
          <p:cNvSpPr>
            <a:spLocks noGrp="1"/>
          </p:cNvSpPr>
          <p:nvPr>
            <p:ph type="ftr" sz="quarter" idx="24"/>
          </p:nvPr>
        </p:nvSpPr>
        <p:spPr/>
        <p:txBody>
          <a:bodyPr/>
          <a:lstStyle/>
          <a:p>
            <a:r>
              <a:rPr lang="en-GB" dirty="0"/>
              <a:t>Source: United nations</a:t>
            </a:r>
          </a:p>
        </p:txBody>
      </p:sp>
      <p:sp>
        <p:nvSpPr>
          <p:cNvPr id="4" name="Text Placeholder 3">
            <a:extLst>
              <a:ext uri="{FF2B5EF4-FFF2-40B4-BE49-F238E27FC236}">
                <a16:creationId xmlns:a16="http://schemas.microsoft.com/office/drawing/2014/main" id="{E8544400-05A6-4DF0-98CC-F72F3843C15F}"/>
              </a:ext>
            </a:extLst>
          </p:cNvPr>
          <p:cNvSpPr>
            <a:spLocks noGrp="1"/>
          </p:cNvSpPr>
          <p:nvPr>
            <p:ph type="body" sz="quarter" idx="26"/>
          </p:nvPr>
        </p:nvSpPr>
        <p:spPr/>
        <p:txBody>
          <a:bodyPr/>
          <a:lstStyle/>
          <a:p>
            <a:endParaRPr lang="en-GB"/>
          </a:p>
        </p:txBody>
      </p:sp>
      <p:sp>
        <p:nvSpPr>
          <p:cNvPr id="8" name="Freeform: Shape 7">
            <a:extLst>
              <a:ext uri="{FF2B5EF4-FFF2-40B4-BE49-F238E27FC236}">
                <a16:creationId xmlns:a16="http://schemas.microsoft.com/office/drawing/2014/main" id="{06D077AE-8CF1-4D6F-AE88-4F7A9AB9DF3F}"/>
              </a:ext>
            </a:extLst>
          </p:cNvPr>
          <p:cNvSpPr/>
          <p:nvPr/>
        </p:nvSpPr>
        <p:spPr>
          <a:xfrm rot="8100000">
            <a:off x="996878" y="4132913"/>
            <a:ext cx="226504" cy="231690"/>
          </a:xfrm>
          <a:custGeom>
            <a:avLst/>
            <a:gdLst>
              <a:gd name="connsiteX0" fmla="*/ 270510 w 270510"/>
              <a:gd name="connsiteY0" fmla="*/ 0 h 276704"/>
              <a:gd name="connsiteX1" fmla="*/ 270510 w 270510"/>
              <a:gd name="connsiteY1" fmla="*/ 91440 h 276704"/>
              <a:gd name="connsiteX2" fmla="*/ 91440 w 270510"/>
              <a:gd name="connsiteY2" fmla="*/ 91440 h 276704"/>
              <a:gd name="connsiteX3" fmla="*/ 91440 w 270510"/>
              <a:gd name="connsiteY3" fmla="*/ 276704 h 276704"/>
              <a:gd name="connsiteX4" fmla="*/ 0 w 270510"/>
              <a:gd name="connsiteY4" fmla="*/ 276704 h 276704"/>
              <a:gd name="connsiteX5" fmla="*/ 0 w 270510"/>
              <a:gd name="connsiteY5" fmla="*/ 10004 h 276704"/>
              <a:gd name="connsiteX6" fmla="*/ 3810 w 270510"/>
              <a:gd name="connsiteY6" fmla="*/ 10004 h 276704"/>
              <a:gd name="connsiteX7" fmla="*/ 3810 w 270510"/>
              <a:gd name="connsiteY7" fmla="*/ 0 h 276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70510" h="276704">
                <a:moveTo>
                  <a:pt x="270510" y="0"/>
                </a:moveTo>
                <a:lnTo>
                  <a:pt x="270510" y="91440"/>
                </a:lnTo>
                <a:lnTo>
                  <a:pt x="91440" y="91440"/>
                </a:lnTo>
                <a:lnTo>
                  <a:pt x="91440" y="276704"/>
                </a:lnTo>
                <a:lnTo>
                  <a:pt x="0" y="276704"/>
                </a:lnTo>
                <a:lnTo>
                  <a:pt x="0" y="10004"/>
                </a:lnTo>
                <a:lnTo>
                  <a:pt x="3810" y="10004"/>
                </a:lnTo>
                <a:lnTo>
                  <a:pt x="3810" y="0"/>
                </a:ln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grpSp>
        <p:nvGrpSpPr>
          <p:cNvPr id="17" name="Group 16">
            <a:extLst>
              <a:ext uri="{FF2B5EF4-FFF2-40B4-BE49-F238E27FC236}">
                <a16:creationId xmlns:a16="http://schemas.microsoft.com/office/drawing/2014/main" id="{34B6A0AE-79D9-4229-B0BA-C9F0D8CA97E4}"/>
              </a:ext>
            </a:extLst>
          </p:cNvPr>
          <p:cNvGrpSpPr/>
          <p:nvPr/>
        </p:nvGrpSpPr>
        <p:grpSpPr>
          <a:xfrm>
            <a:off x="1032419" y="-112177"/>
            <a:ext cx="2489717" cy="2814424"/>
            <a:chOff x="816375" y="-113954"/>
            <a:chExt cx="2489717" cy="2814424"/>
          </a:xfrm>
        </p:grpSpPr>
        <p:sp>
          <p:nvSpPr>
            <p:cNvPr id="18" name="Freeform: Shape 17">
              <a:extLst>
                <a:ext uri="{FF2B5EF4-FFF2-40B4-BE49-F238E27FC236}">
                  <a16:creationId xmlns:a16="http://schemas.microsoft.com/office/drawing/2014/main" id="{25625546-E9A8-4691-9546-9BCAF9F50AC8}"/>
                </a:ext>
              </a:extLst>
            </p:cNvPr>
            <p:cNvSpPr/>
            <p:nvPr/>
          </p:nvSpPr>
          <p:spPr>
            <a:xfrm>
              <a:off x="816375" y="-1"/>
              <a:ext cx="2489717" cy="2700471"/>
            </a:xfrm>
            <a:custGeom>
              <a:avLst/>
              <a:gdLst>
                <a:gd name="connsiteX0" fmla="*/ 0 w 3539778"/>
                <a:gd name="connsiteY0" fmla="*/ 0 h 3385372"/>
                <a:gd name="connsiteX1" fmla="*/ 139100 w 3539778"/>
                <a:gd name="connsiteY1" fmla="*/ 0 h 3385372"/>
                <a:gd name="connsiteX2" fmla="*/ 460210 w 3539778"/>
                <a:gd name="connsiteY2" fmla="*/ 0 h 3385372"/>
                <a:gd name="connsiteX3" fmla="*/ 810811 w 3539778"/>
                <a:gd name="connsiteY3" fmla="*/ 0 h 3385372"/>
                <a:gd name="connsiteX4" fmla="*/ 1325817 w 3539778"/>
                <a:gd name="connsiteY4" fmla="*/ 0 h 3385372"/>
                <a:gd name="connsiteX5" fmla="*/ 1651859 w 3539778"/>
                <a:gd name="connsiteY5" fmla="*/ 0 h 3385372"/>
                <a:gd name="connsiteX6" fmla="*/ 1676418 w 3539778"/>
                <a:gd name="connsiteY6" fmla="*/ 0 h 3385372"/>
                <a:gd name="connsiteX7" fmla="*/ 2002460 w 3539778"/>
                <a:gd name="connsiteY7" fmla="*/ 0 h 3385372"/>
                <a:gd name="connsiteX8" fmla="*/ 2323570 w 3539778"/>
                <a:gd name="connsiteY8" fmla="*/ 0 h 3385372"/>
                <a:gd name="connsiteX9" fmla="*/ 2674171 w 3539778"/>
                <a:gd name="connsiteY9" fmla="*/ 0 h 3385372"/>
                <a:gd name="connsiteX10" fmla="*/ 3189177 w 3539778"/>
                <a:gd name="connsiteY10" fmla="*/ 0 h 3385372"/>
                <a:gd name="connsiteX11" fmla="*/ 3539778 w 3539778"/>
                <a:gd name="connsiteY11" fmla="*/ 0 h 3385372"/>
                <a:gd name="connsiteX12" fmla="*/ 3539778 w 3539778"/>
                <a:gd name="connsiteY12" fmla="*/ 87258 h 3385372"/>
                <a:gd name="connsiteX13" fmla="*/ 3539778 w 3539778"/>
                <a:gd name="connsiteY13" fmla="*/ 301441 h 3385372"/>
                <a:gd name="connsiteX14" fmla="*/ 3539778 w 3539778"/>
                <a:gd name="connsiteY14" fmla="*/ 388699 h 3385372"/>
                <a:gd name="connsiteX15" fmla="*/ 3539778 w 3539778"/>
                <a:gd name="connsiteY15" fmla="*/ 450353 h 3385372"/>
                <a:gd name="connsiteX16" fmla="*/ 3539778 w 3539778"/>
                <a:gd name="connsiteY16" fmla="*/ 528021 h 3385372"/>
                <a:gd name="connsiteX17" fmla="*/ 3539778 w 3539778"/>
                <a:gd name="connsiteY17" fmla="*/ 537611 h 3385372"/>
                <a:gd name="connsiteX18" fmla="*/ 3539778 w 3539778"/>
                <a:gd name="connsiteY18" fmla="*/ 615279 h 3385372"/>
                <a:gd name="connsiteX19" fmla="*/ 3539778 w 3539778"/>
                <a:gd name="connsiteY19" fmla="*/ 751794 h 3385372"/>
                <a:gd name="connsiteX20" fmla="*/ 3539778 w 3539778"/>
                <a:gd name="connsiteY20" fmla="*/ 829462 h 3385372"/>
                <a:gd name="connsiteX21" fmla="*/ 3539778 w 3539778"/>
                <a:gd name="connsiteY21" fmla="*/ 839052 h 3385372"/>
                <a:gd name="connsiteX22" fmla="*/ 3539778 w 3539778"/>
                <a:gd name="connsiteY22" fmla="*/ 916720 h 3385372"/>
                <a:gd name="connsiteX23" fmla="*/ 3539778 w 3539778"/>
                <a:gd name="connsiteY23" fmla="*/ 978374 h 3385372"/>
                <a:gd name="connsiteX24" fmla="*/ 3539778 w 3539778"/>
                <a:gd name="connsiteY24" fmla="*/ 1065632 h 3385372"/>
                <a:gd name="connsiteX25" fmla="*/ 3539778 w 3539778"/>
                <a:gd name="connsiteY25" fmla="*/ 1279815 h 3385372"/>
                <a:gd name="connsiteX26" fmla="*/ 3539778 w 3539778"/>
                <a:gd name="connsiteY26" fmla="*/ 1367073 h 3385372"/>
                <a:gd name="connsiteX27" fmla="*/ 3539778 w 3539778"/>
                <a:gd name="connsiteY27" fmla="*/ 1702927 h 3385372"/>
                <a:gd name="connsiteX28" fmla="*/ 3539778 w 3539778"/>
                <a:gd name="connsiteY28" fmla="*/ 1790185 h 3385372"/>
                <a:gd name="connsiteX29" fmla="*/ 3539778 w 3539778"/>
                <a:gd name="connsiteY29" fmla="*/ 2004369 h 3385372"/>
                <a:gd name="connsiteX30" fmla="*/ 3539778 w 3539778"/>
                <a:gd name="connsiteY30" fmla="*/ 2091627 h 3385372"/>
                <a:gd name="connsiteX31" fmla="*/ 3539778 w 3539778"/>
                <a:gd name="connsiteY31" fmla="*/ 2153280 h 3385372"/>
                <a:gd name="connsiteX32" fmla="*/ 3539778 w 3539778"/>
                <a:gd name="connsiteY32" fmla="*/ 2230948 h 3385372"/>
                <a:gd name="connsiteX33" fmla="*/ 3539778 w 3539778"/>
                <a:gd name="connsiteY33" fmla="*/ 2240538 h 3385372"/>
                <a:gd name="connsiteX34" fmla="*/ 3539778 w 3539778"/>
                <a:gd name="connsiteY34" fmla="*/ 2318206 h 3385372"/>
                <a:gd name="connsiteX35" fmla="*/ 3539778 w 3539778"/>
                <a:gd name="connsiteY35" fmla="*/ 2454722 h 3385372"/>
                <a:gd name="connsiteX36" fmla="*/ 3539778 w 3539778"/>
                <a:gd name="connsiteY36" fmla="*/ 2532389 h 3385372"/>
                <a:gd name="connsiteX37" fmla="*/ 3539778 w 3539778"/>
                <a:gd name="connsiteY37" fmla="*/ 2541980 h 3385372"/>
                <a:gd name="connsiteX38" fmla="*/ 3539778 w 3539778"/>
                <a:gd name="connsiteY38" fmla="*/ 2619647 h 3385372"/>
                <a:gd name="connsiteX39" fmla="*/ 3539778 w 3539778"/>
                <a:gd name="connsiteY39" fmla="*/ 2681301 h 3385372"/>
                <a:gd name="connsiteX40" fmla="*/ 3539778 w 3539778"/>
                <a:gd name="connsiteY40" fmla="*/ 2768559 h 3385372"/>
                <a:gd name="connsiteX41" fmla="*/ 3539778 w 3539778"/>
                <a:gd name="connsiteY41" fmla="*/ 2982742 h 3385372"/>
                <a:gd name="connsiteX42" fmla="*/ 3539778 w 3539778"/>
                <a:gd name="connsiteY42" fmla="*/ 3070000 h 3385372"/>
                <a:gd name="connsiteX43" fmla="*/ 3224406 w 3539778"/>
                <a:gd name="connsiteY43" fmla="*/ 3385372 h 3385372"/>
                <a:gd name="connsiteX44" fmla="*/ 2873805 w 3539778"/>
                <a:gd name="connsiteY44" fmla="*/ 3385372 h 3385372"/>
                <a:gd name="connsiteX45" fmla="*/ 2358799 w 3539778"/>
                <a:gd name="connsiteY45" fmla="*/ 3385372 h 3385372"/>
                <a:gd name="connsiteX46" fmla="*/ 2008198 w 3539778"/>
                <a:gd name="connsiteY46" fmla="*/ 3385372 h 3385372"/>
                <a:gd name="connsiteX47" fmla="*/ 1687088 w 3539778"/>
                <a:gd name="connsiteY47" fmla="*/ 3385372 h 3385372"/>
                <a:gd name="connsiteX48" fmla="*/ 1676418 w 3539778"/>
                <a:gd name="connsiteY48" fmla="*/ 3385372 h 3385372"/>
                <a:gd name="connsiteX49" fmla="*/ 1336487 w 3539778"/>
                <a:gd name="connsiteY49" fmla="*/ 3385372 h 3385372"/>
                <a:gd name="connsiteX50" fmla="*/ 1325817 w 3539778"/>
                <a:gd name="connsiteY50" fmla="*/ 3385372 h 3385372"/>
                <a:gd name="connsiteX51" fmla="*/ 810811 w 3539778"/>
                <a:gd name="connsiteY51" fmla="*/ 3385372 h 3385372"/>
                <a:gd name="connsiteX52" fmla="*/ 460210 w 3539778"/>
                <a:gd name="connsiteY52" fmla="*/ 3385372 h 3385372"/>
                <a:gd name="connsiteX53" fmla="*/ 139100 w 3539778"/>
                <a:gd name="connsiteY53" fmla="*/ 3385372 h 3385372"/>
                <a:gd name="connsiteX54" fmla="*/ 0 w 3539778"/>
                <a:gd name="connsiteY54" fmla="*/ 3385372 h 3385372"/>
                <a:gd name="connsiteX55" fmla="*/ 0 w 3539778"/>
                <a:gd name="connsiteY55" fmla="*/ 3298114 h 3385372"/>
                <a:gd name="connsiteX56" fmla="*/ 0 w 3539778"/>
                <a:gd name="connsiteY56" fmla="*/ 87258 h 33853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3539778" h="3385372">
                  <a:moveTo>
                    <a:pt x="0" y="0"/>
                  </a:moveTo>
                  <a:lnTo>
                    <a:pt x="139100" y="0"/>
                  </a:lnTo>
                  <a:lnTo>
                    <a:pt x="460210" y="0"/>
                  </a:lnTo>
                  <a:lnTo>
                    <a:pt x="810811" y="0"/>
                  </a:lnTo>
                  <a:lnTo>
                    <a:pt x="1325817" y="0"/>
                  </a:lnTo>
                  <a:lnTo>
                    <a:pt x="1651859" y="0"/>
                  </a:lnTo>
                  <a:lnTo>
                    <a:pt x="1676418" y="0"/>
                  </a:lnTo>
                  <a:lnTo>
                    <a:pt x="2002460" y="0"/>
                  </a:lnTo>
                  <a:lnTo>
                    <a:pt x="2323570" y="0"/>
                  </a:lnTo>
                  <a:lnTo>
                    <a:pt x="2674171" y="0"/>
                  </a:lnTo>
                  <a:lnTo>
                    <a:pt x="3189177" y="0"/>
                  </a:lnTo>
                  <a:lnTo>
                    <a:pt x="3539778" y="0"/>
                  </a:lnTo>
                  <a:lnTo>
                    <a:pt x="3539778" y="87258"/>
                  </a:lnTo>
                  <a:lnTo>
                    <a:pt x="3539778" y="301441"/>
                  </a:lnTo>
                  <a:lnTo>
                    <a:pt x="3539778" y="388699"/>
                  </a:lnTo>
                  <a:lnTo>
                    <a:pt x="3539778" y="450353"/>
                  </a:lnTo>
                  <a:lnTo>
                    <a:pt x="3539778" y="528021"/>
                  </a:lnTo>
                  <a:lnTo>
                    <a:pt x="3539778" y="537611"/>
                  </a:lnTo>
                  <a:lnTo>
                    <a:pt x="3539778" y="615279"/>
                  </a:lnTo>
                  <a:lnTo>
                    <a:pt x="3539778" y="751794"/>
                  </a:lnTo>
                  <a:lnTo>
                    <a:pt x="3539778" y="829462"/>
                  </a:lnTo>
                  <a:lnTo>
                    <a:pt x="3539778" y="839052"/>
                  </a:lnTo>
                  <a:lnTo>
                    <a:pt x="3539778" y="916720"/>
                  </a:lnTo>
                  <a:lnTo>
                    <a:pt x="3539778" y="978374"/>
                  </a:lnTo>
                  <a:lnTo>
                    <a:pt x="3539778" y="1065632"/>
                  </a:lnTo>
                  <a:lnTo>
                    <a:pt x="3539778" y="1279815"/>
                  </a:lnTo>
                  <a:lnTo>
                    <a:pt x="3539778" y="1367073"/>
                  </a:lnTo>
                  <a:lnTo>
                    <a:pt x="3539778" y="1702927"/>
                  </a:lnTo>
                  <a:lnTo>
                    <a:pt x="3539778" y="1790185"/>
                  </a:lnTo>
                  <a:lnTo>
                    <a:pt x="3539778" y="2004369"/>
                  </a:lnTo>
                  <a:lnTo>
                    <a:pt x="3539778" y="2091627"/>
                  </a:lnTo>
                  <a:lnTo>
                    <a:pt x="3539778" y="2153280"/>
                  </a:lnTo>
                  <a:lnTo>
                    <a:pt x="3539778" y="2230948"/>
                  </a:lnTo>
                  <a:lnTo>
                    <a:pt x="3539778" y="2240538"/>
                  </a:lnTo>
                  <a:lnTo>
                    <a:pt x="3539778" y="2318206"/>
                  </a:lnTo>
                  <a:lnTo>
                    <a:pt x="3539778" y="2454722"/>
                  </a:lnTo>
                  <a:lnTo>
                    <a:pt x="3539778" y="2532389"/>
                  </a:lnTo>
                  <a:lnTo>
                    <a:pt x="3539778" y="2541980"/>
                  </a:lnTo>
                  <a:lnTo>
                    <a:pt x="3539778" y="2619647"/>
                  </a:lnTo>
                  <a:lnTo>
                    <a:pt x="3539778" y="2681301"/>
                  </a:lnTo>
                  <a:lnTo>
                    <a:pt x="3539778" y="2768559"/>
                  </a:lnTo>
                  <a:lnTo>
                    <a:pt x="3539778" y="2982742"/>
                  </a:lnTo>
                  <a:lnTo>
                    <a:pt x="3539778" y="3070000"/>
                  </a:lnTo>
                  <a:lnTo>
                    <a:pt x="3224406" y="3385372"/>
                  </a:lnTo>
                  <a:lnTo>
                    <a:pt x="2873805" y="3385372"/>
                  </a:lnTo>
                  <a:lnTo>
                    <a:pt x="2358799" y="3385372"/>
                  </a:lnTo>
                  <a:lnTo>
                    <a:pt x="2008198" y="3385372"/>
                  </a:lnTo>
                  <a:lnTo>
                    <a:pt x="1687088" y="3385372"/>
                  </a:lnTo>
                  <a:lnTo>
                    <a:pt x="1676418" y="3385372"/>
                  </a:lnTo>
                  <a:lnTo>
                    <a:pt x="1336487" y="3385372"/>
                  </a:lnTo>
                  <a:lnTo>
                    <a:pt x="1325817" y="3385372"/>
                  </a:lnTo>
                  <a:lnTo>
                    <a:pt x="810811" y="3385372"/>
                  </a:lnTo>
                  <a:lnTo>
                    <a:pt x="460210" y="3385372"/>
                  </a:lnTo>
                  <a:lnTo>
                    <a:pt x="139100" y="3385372"/>
                  </a:lnTo>
                  <a:lnTo>
                    <a:pt x="0" y="3385372"/>
                  </a:lnTo>
                  <a:lnTo>
                    <a:pt x="0" y="3298114"/>
                  </a:lnTo>
                  <a:lnTo>
                    <a:pt x="0" y="87258"/>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9" name="TextBox 18">
              <a:extLst>
                <a:ext uri="{FF2B5EF4-FFF2-40B4-BE49-F238E27FC236}">
                  <a16:creationId xmlns:a16="http://schemas.microsoft.com/office/drawing/2014/main" id="{AB1AADAE-BBEF-4475-8BE3-56C06D39651C}"/>
                </a:ext>
              </a:extLst>
            </p:cNvPr>
            <p:cNvSpPr txBox="1"/>
            <p:nvPr/>
          </p:nvSpPr>
          <p:spPr>
            <a:xfrm>
              <a:off x="1032423" y="763994"/>
              <a:ext cx="2057617" cy="1815882"/>
            </a:xfrm>
            <a:prstGeom prst="rect">
              <a:avLst/>
            </a:prstGeom>
            <a:noFill/>
          </p:spPr>
          <p:txBody>
            <a:bodyPr wrap="square">
              <a:spAutoFit/>
            </a:bodyPr>
            <a:lstStyle/>
            <a:p>
              <a:pPr algn="ctr"/>
              <a:r>
                <a:rPr lang="en-GB" sz="1000" b="0" i="0" dirty="0">
                  <a:effectLst/>
                  <a:latin typeface="+mj-lt"/>
                </a:rPr>
                <a:t>By 2050</a:t>
              </a:r>
              <a:endParaRPr lang="en-GB" dirty="0"/>
            </a:p>
            <a:p>
              <a:pPr algn="ctr"/>
              <a:r>
                <a:rPr lang="en-GB" sz="5400" b="1" dirty="0">
                  <a:solidFill>
                    <a:schemeClr val="accent2"/>
                  </a:solidFill>
                  <a:latin typeface="Open Sans" panose="020B0606030504020204" pitchFamily="34" charset="0"/>
                </a:rPr>
                <a:t>70%</a:t>
              </a:r>
              <a:endParaRPr lang="en-GB" dirty="0"/>
            </a:p>
            <a:p>
              <a:pPr algn="ctr"/>
              <a:r>
                <a:rPr lang="en-GB" sz="1200" dirty="0">
                  <a:solidFill>
                    <a:srgbClr val="303436"/>
                  </a:solidFill>
                  <a:latin typeface="+mj-lt"/>
                </a:rPr>
                <a:t>|</a:t>
              </a:r>
              <a:r>
                <a:rPr lang="en-GB" sz="1200" dirty="0" err="1">
                  <a:solidFill>
                    <a:srgbClr val="303436"/>
                  </a:solidFill>
                  <a:latin typeface="+mj-lt"/>
                </a:rPr>
                <a:t>světové</a:t>
              </a:r>
              <a:r>
                <a:rPr lang="en-GB" sz="1200" dirty="0">
                  <a:solidFill>
                    <a:srgbClr val="303436"/>
                  </a:solidFill>
                  <a:latin typeface="+mj-lt"/>
                </a:rPr>
                <a:t> populace </a:t>
              </a:r>
              <a:r>
                <a:rPr lang="en-GB" sz="1200" dirty="0" err="1">
                  <a:solidFill>
                    <a:srgbClr val="303436"/>
                  </a:solidFill>
                  <a:latin typeface="+mj-lt"/>
                </a:rPr>
                <a:t>bude</a:t>
              </a:r>
              <a:r>
                <a:rPr lang="en-GB" sz="1200" dirty="0">
                  <a:solidFill>
                    <a:srgbClr val="303436"/>
                  </a:solidFill>
                  <a:latin typeface="+mj-lt"/>
                </a:rPr>
                <a:t> </a:t>
              </a:r>
              <a:r>
                <a:rPr lang="en-GB" sz="1200" dirty="0" err="1">
                  <a:solidFill>
                    <a:srgbClr val="303436"/>
                  </a:solidFill>
                  <a:latin typeface="+mj-lt"/>
                </a:rPr>
                <a:t>žít</a:t>
              </a:r>
              <a:r>
                <a:rPr lang="en-GB" sz="1200" dirty="0">
                  <a:solidFill>
                    <a:srgbClr val="303436"/>
                  </a:solidFill>
                  <a:latin typeface="+mj-lt"/>
                </a:rPr>
                <a:t> </a:t>
              </a:r>
              <a:r>
                <a:rPr lang="en-GB" sz="1200" dirty="0" err="1">
                  <a:solidFill>
                    <a:srgbClr val="303436"/>
                  </a:solidFill>
                  <a:latin typeface="+mj-lt"/>
                </a:rPr>
                <a:t>ve</a:t>
              </a:r>
              <a:r>
                <a:rPr lang="en-GB" sz="1200" dirty="0">
                  <a:solidFill>
                    <a:srgbClr val="303436"/>
                  </a:solidFill>
                  <a:latin typeface="+mj-lt"/>
                </a:rPr>
                <a:t> </a:t>
              </a:r>
              <a:r>
                <a:rPr lang="en-GB" sz="1200" dirty="0" err="1">
                  <a:solidFill>
                    <a:srgbClr val="303436"/>
                  </a:solidFill>
                  <a:latin typeface="+mj-lt"/>
                </a:rPr>
                <a:t>městech</a:t>
              </a:r>
              <a:r>
                <a:rPr lang="en-GB" sz="1200" dirty="0">
                  <a:solidFill>
                    <a:srgbClr val="303436"/>
                  </a:solidFill>
                  <a:latin typeface="+mj-lt"/>
                </a:rPr>
                <a:t>, </a:t>
              </a:r>
              <a:r>
                <a:rPr lang="en-GB" sz="1200" dirty="0" err="1">
                  <a:solidFill>
                    <a:srgbClr val="303436"/>
                  </a:solidFill>
                  <a:latin typeface="+mj-lt"/>
                </a:rPr>
                <a:t>což</a:t>
              </a:r>
              <a:r>
                <a:rPr lang="en-GB" sz="1200" dirty="0">
                  <a:solidFill>
                    <a:srgbClr val="303436"/>
                  </a:solidFill>
                  <a:latin typeface="+mj-lt"/>
                </a:rPr>
                <a:t> </a:t>
              </a:r>
              <a:r>
                <a:rPr lang="en-GB" sz="1200" dirty="0" err="1">
                  <a:solidFill>
                    <a:srgbClr val="303436"/>
                  </a:solidFill>
                  <a:latin typeface="+mj-lt"/>
                </a:rPr>
                <a:t>bude</a:t>
              </a:r>
              <a:r>
                <a:rPr lang="en-GB" sz="1200" dirty="0">
                  <a:solidFill>
                    <a:srgbClr val="303436"/>
                  </a:solidFill>
                  <a:latin typeface="+mj-lt"/>
                </a:rPr>
                <a:t> </a:t>
              </a:r>
              <a:r>
                <a:rPr lang="en-GB" sz="1200" dirty="0" err="1">
                  <a:solidFill>
                    <a:srgbClr val="303436"/>
                  </a:solidFill>
                  <a:latin typeface="+mj-lt"/>
                </a:rPr>
                <a:t>vyvíjet</a:t>
              </a:r>
              <a:r>
                <a:rPr lang="en-GB" sz="1200" dirty="0">
                  <a:solidFill>
                    <a:srgbClr val="303436"/>
                  </a:solidFill>
                  <a:latin typeface="+mj-lt"/>
                </a:rPr>
                <a:t> </a:t>
              </a:r>
              <a:r>
                <a:rPr lang="en-GB" sz="1200" dirty="0" err="1">
                  <a:solidFill>
                    <a:srgbClr val="303436"/>
                  </a:solidFill>
                  <a:latin typeface="+mj-lt"/>
                </a:rPr>
                <a:t>obrovský</a:t>
              </a:r>
              <a:r>
                <a:rPr lang="en-GB" sz="1200" dirty="0">
                  <a:solidFill>
                    <a:srgbClr val="303436"/>
                  </a:solidFill>
                  <a:latin typeface="+mj-lt"/>
                </a:rPr>
                <a:t> </a:t>
              </a:r>
              <a:r>
                <a:rPr lang="en-GB" sz="1200" dirty="0" err="1">
                  <a:solidFill>
                    <a:srgbClr val="303436"/>
                  </a:solidFill>
                  <a:latin typeface="+mj-lt"/>
                </a:rPr>
                <a:t>tlak</a:t>
              </a:r>
              <a:r>
                <a:rPr lang="en-GB" sz="1200" dirty="0">
                  <a:solidFill>
                    <a:srgbClr val="303436"/>
                  </a:solidFill>
                  <a:latin typeface="+mj-lt"/>
                </a:rPr>
                <a:t> </a:t>
              </a:r>
              <a:r>
                <a:rPr lang="en-GB" sz="1200" dirty="0" err="1">
                  <a:solidFill>
                    <a:srgbClr val="303436"/>
                  </a:solidFill>
                  <a:latin typeface="+mj-lt"/>
                </a:rPr>
                <a:t>na</a:t>
              </a:r>
              <a:r>
                <a:rPr lang="en-GB" sz="1200" dirty="0">
                  <a:solidFill>
                    <a:srgbClr val="303436"/>
                  </a:solidFill>
                  <a:latin typeface="+mj-lt"/>
                </a:rPr>
                <a:t> </a:t>
              </a:r>
              <a:r>
                <a:rPr lang="en-GB" sz="1200" dirty="0" err="1">
                  <a:solidFill>
                    <a:srgbClr val="303436"/>
                  </a:solidFill>
                  <a:latin typeface="+mj-lt"/>
                </a:rPr>
                <a:t>infrastrukturu</a:t>
              </a:r>
              <a:endParaRPr lang="en-GB" dirty="0"/>
            </a:p>
          </p:txBody>
        </p:sp>
        <p:pic>
          <p:nvPicPr>
            <p:cNvPr id="20" name="Graphic 19">
              <a:extLst>
                <a:ext uri="{FF2B5EF4-FFF2-40B4-BE49-F238E27FC236}">
                  <a16:creationId xmlns:a16="http://schemas.microsoft.com/office/drawing/2014/main" id="{D8035D41-350D-439B-8D23-F0A8CB7F60FE}"/>
                </a:ext>
              </a:extLst>
            </p:cNvPr>
            <p:cNvPicPr>
              <a:picLocks noChangeAspect="1"/>
            </p:cNvPicPr>
            <p:nvPr>
              <p:custDataLst>
                <p:tags r:id="rId1"/>
              </p:custDataLst>
            </p:nvPr>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rcRect/>
            <a:stretch>
              <a:fillRect/>
            </a:stretch>
          </p:blipFill>
          <p:spPr>
            <a:xfrm>
              <a:off x="1560356" y="-113954"/>
              <a:ext cx="1001749" cy="1001749"/>
            </a:xfrm>
            <a:prstGeom prst="rect">
              <a:avLst/>
            </a:prstGeom>
          </p:spPr>
        </p:pic>
      </p:grpSp>
    </p:spTree>
    <p:extLst>
      <p:ext uri="{BB962C8B-B14F-4D97-AF65-F5344CB8AC3E}">
        <p14:creationId xmlns:p14="http://schemas.microsoft.com/office/powerpoint/2010/main" val="65700002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6F4BE477-D066-43E1-BA2B-7AC2E57A07C7}"/>
              </a:ext>
            </a:extLst>
          </p:cNvPr>
          <p:cNvSpPr/>
          <p:nvPr/>
        </p:nvSpPr>
        <p:spPr>
          <a:xfrm>
            <a:off x="-447863" y="0"/>
            <a:ext cx="12639862"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4" name="Text Placeholder 3">
            <a:extLst>
              <a:ext uri="{FF2B5EF4-FFF2-40B4-BE49-F238E27FC236}">
                <a16:creationId xmlns:a16="http://schemas.microsoft.com/office/drawing/2014/main" id="{646E10A5-BD39-46C0-B5B9-FD7670A593E2}"/>
              </a:ext>
            </a:extLst>
          </p:cNvPr>
          <p:cNvSpPr>
            <a:spLocks noGrp="1"/>
          </p:cNvSpPr>
          <p:nvPr>
            <p:ph type="body" sz="quarter" idx="14"/>
          </p:nvPr>
        </p:nvSpPr>
        <p:spPr/>
        <p:txBody>
          <a:bodyPr/>
          <a:lstStyle/>
          <a:p>
            <a:endParaRPr lang="en-GB"/>
          </a:p>
        </p:txBody>
      </p:sp>
      <p:sp>
        <p:nvSpPr>
          <p:cNvPr id="5" name="Footer Placeholder 4">
            <a:extLst>
              <a:ext uri="{FF2B5EF4-FFF2-40B4-BE49-F238E27FC236}">
                <a16:creationId xmlns:a16="http://schemas.microsoft.com/office/drawing/2014/main" id="{29323537-7F63-41E2-AAFD-FD8140C2FF36}"/>
              </a:ext>
            </a:extLst>
          </p:cNvPr>
          <p:cNvSpPr>
            <a:spLocks noGrp="1"/>
          </p:cNvSpPr>
          <p:nvPr>
            <p:ph type="ftr" sz="quarter" idx="21"/>
          </p:nvPr>
        </p:nvSpPr>
        <p:spPr/>
        <p:txBody>
          <a:bodyPr/>
          <a:lstStyle/>
          <a:p>
            <a:endParaRPr lang="en-GB"/>
          </a:p>
        </p:txBody>
      </p:sp>
      <p:sp>
        <p:nvSpPr>
          <p:cNvPr id="11" name="Title 10">
            <a:extLst>
              <a:ext uri="{FF2B5EF4-FFF2-40B4-BE49-F238E27FC236}">
                <a16:creationId xmlns:a16="http://schemas.microsoft.com/office/drawing/2014/main" id="{83E401F1-4159-4828-A1A4-2A240E654064}"/>
              </a:ext>
            </a:extLst>
          </p:cNvPr>
          <p:cNvSpPr>
            <a:spLocks noGrp="1"/>
          </p:cNvSpPr>
          <p:nvPr>
            <p:ph type="title"/>
          </p:nvPr>
        </p:nvSpPr>
        <p:spPr>
          <a:xfrm>
            <a:off x="447863" y="260056"/>
            <a:ext cx="8334000" cy="768001"/>
          </a:xfrm>
        </p:spPr>
        <p:txBody>
          <a:bodyPr/>
          <a:lstStyle/>
          <a:p>
            <a:r>
              <a:rPr lang="en-US" b="1" cap="all" dirty="0">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rPr>
              <a:t>Milestone</a:t>
            </a:r>
            <a:r>
              <a:rPr lang="en-US" dirty="0"/>
              <a:t> </a:t>
            </a:r>
            <a:r>
              <a:rPr lang="en-US" dirty="0" err="1"/>
              <a:t>SMART</a:t>
            </a:r>
            <a:r>
              <a:rPr lang="en-US" b="1" cap="all" dirty="0" err="1">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rPr>
              <a:t>City</a:t>
            </a:r>
            <a:r>
              <a:rPr lang="en-US" b="1" cap="all" dirty="0">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rPr>
              <a:t> </a:t>
            </a:r>
          </a:p>
        </p:txBody>
      </p:sp>
      <p:sp>
        <p:nvSpPr>
          <p:cNvPr id="9" name="Rectangle 8">
            <a:extLst>
              <a:ext uri="{FF2B5EF4-FFF2-40B4-BE49-F238E27FC236}">
                <a16:creationId xmlns:a16="http://schemas.microsoft.com/office/drawing/2014/main" id="{B3ED118E-F5E8-45FC-B33B-87C64E571522}"/>
              </a:ext>
            </a:extLst>
          </p:cNvPr>
          <p:cNvSpPr/>
          <p:nvPr/>
        </p:nvSpPr>
        <p:spPr>
          <a:xfrm>
            <a:off x="333830" y="1175656"/>
            <a:ext cx="11858169" cy="546810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numCol="2" rtlCol="0" anchor="t"/>
          <a:lstStyle/>
          <a:p>
            <a:r>
              <a:rPr lang="en-GB" sz="1200" b="1" dirty="0">
                <a:solidFill>
                  <a:schemeClr val="accent1"/>
                </a:solidFill>
              </a:rPr>
              <a:t>EUROPE &amp; MIDDLE-EAST:</a:t>
            </a:r>
            <a:endParaRPr lang="en-GB" sz="1400" dirty="0"/>
          </a:p>
          <a:p>
            <a:pPr marL="171450" indent="-171450">
              <a:buFont typeface="Arial" panose="020B0604020202020204" pitchFamily="34" charset="0"/>
              <a:buChar char="•"/>
            </a:pPr>
            <a:endParaRPr lang="en-GB" sz="1400" dirty="0">
              <a:solidFill>
                <a:schemeClr val="bg1"/>
              </a:solidFill>
            </a:endParaRPr>
          </a:p>
          <a:p>
            <a:pPr marL="171450" indent="-171450">
              <a:buFont typeface="Arial" panose="020B0604020202020204" pitchFamily="34" charset="0"/>
              <a:buChar char="•"/>
            </a:pPr>
            <a:r>
              <a:rPr lang="en-GB" sz="1400" b="1" dirty="0">
                <a:solidFill>
                  <a:schemeClr val="bg1"/>
                </a:solidFill>
              </a:rPr>
              <a:t>Katowice</a:t>
            </a:r>
            <a:r>
              <a:rPr lang="en-GB" sz="1400" dirty="0">
                <a:solidFill>
                  <a:schemeClr val="bg1"/>
                </a:solidFill>
              </a:rPr>
              <a:t>, Poland </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dirty="0">
              <a:solidFill>
                <a:schemeClr val="bg1"/>
              </a:solidFill>
            </a:endParaRPr>
          </a:p>
          <a:p>
            <a:pPr marL="171450" indent="-171450">
              <a:buFont typeface="Arial" panose="020B0604020202020204" pitchFamily="34" charset="0"/>
              <a:buChar char="•"/>
            </a:pPr>
            <a:r>
              <a:rPr lang="en-GB" sz="1400" b="1" dirty="0">
                <a:solidFill>
                  <a:schemeClr val="bg1"/>
                </a:solidFill>
              </a:rPr>
              <a:t>Calgary</a:t>
            </a:r>
            <a:r>
              <a:rPr lang="en-GB" sz="1400" dirty="0">
                <a:solidFill>
                  <a:schemeClr val="bg1"/>
                </a:solidFill>
              </a:rPr>
              <a:t>, Canada</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dirty="0">
              <a:solidFill>
                <a:schemeClr val="bg1"/>
              </a:solidFill>
            </a:endParaRPr>
          </a:p>
          <a:p>
            <a:pPr marL="171450" indent="-171450">
              <a:buFont typeface="Arial" panose="020B0604020202020204" pitchFamily="34" charset="0"/>
              <a:buChar char="•"/>
            </a:pPr>
            <a:r>
              <a:rPr lang="en-GB" sz="1400" b="1" dirty="0">
                <a:solidFill>
                  <a:schemeClr val="bg1"/>
                </a:solidFill>
              </a:rPr>
              <a:t>Sofia</a:t>
            </a:r>
            <a:r>
              <a:rPr lang="en-GB" sz="1400" dirty="0">
                <a:solidFill>
                  <a:schemeClr val="bg1"/>
                </a:solidFill>
              </a:rPr>
              <a:t>, Bulgaria</a:t>
            </a:r>
            <a:endParaRPr lang="en-GB" sz="1400" b="1" dirty="0">
              <a:solidFill>
                <a:schemeClr val="bg1"/>
              </a:solidFill>
            </a:endParaRPr>
          </a:p>
          <a:p>
            <a:pPr marL="171450" indent="-171450">
              <a:buFont typeface="Arial" panose="020B0604020202020204" pitchFamily="34" charset="0"/>
              <a:buChar char="•"/>
            </a:pPr>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Municipality of Aalborg, </a:t>
            </a:r>
            <a:r>
              <a:rPr lang="en-GB" sz="1400" dirty="0">
                <a:solidFill>
                  <a:schemeClr val="bg1"/>
                </a:solidFill>
              </a:rPr>
              <a:t>Denmark</a:t>
            </a:r>
            <a:endParaRPr lang="en-GB" sz="1400" dirty="0">
              <a:solidFill>
                <a:schemeClr val="bg1"/>
              </a:solidFill>
              <a:ea typeface="Open Sans"/>
              <a:cs typeface="Open Sans"/>
            </a:endParaRPr>
          </a:p>
          <a:p>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Dubai Metro, </a:t>
            </a:r>
            <a:r>
              <a:rPr lang="en-GB" sz="1400" dirty="0">
                <a:solidFill>
                  <a:schemeClr val="bg1"/>
                </a:solidFill>
              </a:rPr>
              <a:t>Dubai</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Stockholm Metro, </a:t>
            </a:r>
            <a:r>
              <a:rPr lang="en-GB" sz="1400" dirty="0">
                <a:solidFill>
                  <a:schemeClr val="bg1"/>
                </a:solidFill>
              </a:rPr>
              <a:t>Sweden</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dirty="0">
              <a:solidFill>
                <a:schemeClr val="bg1"/>
              </a:solidFill>
            </a:endParaRPr>
          </a:p>
          <a:p>
            <a:pPr marL="171450" indent="-171450">
              <a:buFont typeface="Arial" panose="020B0604020202020204" pitchFamily="34" charset="0"/>
              <a:buChar char="•"/>
            </a:pPr>
            <a:r>
              <a:rPr lang="en-GB" sz="1400" b="1" dirty="0">
                <a:solidFill>
                  <a:schemeClr val="bg1"/>
                </a:solidFill>
              </a:rPr>
              <a:t>Copenhagen</a:t>
            </a:r>
            <a:r>
              <a:rPr lang="en-GB" sz="1400" dirty="0">
                <a:solidFill>
                  <a:schemeClr val="bg1"/>
                </a:solidFill>
              </a:rPr>
              <a:t>, Denmark</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Danish Department of transportation</a:t>
            </a:r>
            <a:endParaRPr lang="en-GB" sz="1400" b="1" dirty="0">
              <a:solidFill>
                <a:schemeClr val="bg1"/>
              </a:solidFill>
              <a:ea typeface="Open Sans"/>
              <a:cs typeface="Open Sans"/>
            </a:endParaRPr>
          </a:p>
          <a:p>
            <a:pPr marL="171450" indent="-171450">
              <a:buFont typeface="Arial" panose="020B0604020202020204" pitchFamily="34" charset="0"/>
              <a:buChar char="•"/>
            </a:pPr>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Pompeii Archaeological Park</a:t>
            </a:r>
            <a:r>
              <a:rPr lang="en-GB" sz="1400" dirty="0">
                <a:solidFill>
                  <a:schemeClr val="bg1"/>
                </a:solidFill>
              </a:rPr>
              <a:t>, Italy</a:t>
            </a:r>
          </a:p>
          <a:p>
            <a:pPr marL="171450" indent="-171450">
              <a:buFont typeface="Arial" panose="020B0604020202020204" pitchFamily="34" charset="0"/>
              <a:buChar char="•"/>
            </a:pPr>
            <a:endParaRPr lang="en-GB" sz="1400" b="1" dirty="0">
              <a:solidFill>
                <a:schemeClr val="bg1"/>
              </a:solidFill>
            </a:endParaRPr>
          </a:p>
          <a:p>
            <a:r>
              <a:rPr lang="en-GB" sz="1400" b="1" dirty="0">
                <a:solidFill>
                  <a:schemeClr val="accent1"/>
                </a:solidFill>
              </a:rPr>
              <a:t>ASIA PACIFIC:</a:t>
            </a:r>
            <a:endParaRPr lang="en-GB" sz="1400" b="1" dirty="0">
              <a:solidFill>
                <a:schemeClr val="accent1"/>
              </a:solidFill>
              <a:ea typeface="Open Sans"/>
              <a:cs typeface="Open Sans"/>
            </a:endParaRPr>
          </a:p>
          <a:p>
            <a:pPr marL="171450" indent="-171450">
              <a:buFont typeface="Arial" panose="020B0604020202020204" pitchFamily="34" charset="0"/>
              <a:buChar char="•"/>
            </a:pPr>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Electricity Generating Authority (EGAT), </a:t>
            </a:r>
            <a:r>
              <a:rPr lang="en-GB" sz="1400" dirty="0">
                <a:solidFill>
                  <a:schemeClr val="bg1"/>
                </a:solidFill>
              </a:rPr>
              <a:t>Thailand</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Bharat Diamond Bourse</a:t>
            </a:r>
            <a:r>
              <a:rPr lang="en-GB" sz="1400" dirty="0">
                <a:solidFill>
                  <a:schemeClr val="bg1"/>
                </a:solidFill>
              </a:rPr>
              <a:t>, Mumbai, India</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b="1" dirty="0">
              <a:solidFill>
                <a:schemeClr val="bg1"/>
              </a:solidFill>
            </a:endParaRPr>
          </a:p>
          <a:p>
            <a:r>
              <a:rPr lang="en-GB" sz="1400" b="1" dirty="0">
                <a:solidFill>
                  <a:schemeClr val="accent1"/>
                </a:solidFill>
              </a:rPr>
              <a:t>NORTH &amp; SOUTH AMERICA:</a:t>
            </a:r>
            <a:endParaRPr lang="en-GB" sz="1400" b="1" dirty="0">
              <a:solidFill>
                <a:schemeClr val="accent1"/>
              </a:solidFill>
              <a:ea typeface="Open Sans"/>
              <a:cs typeface="Open Sans"/>
            </a:endParaRPr>
          </a:p>
          <a:p>
            <a:pPr marL="171450" indent="-171450">
              <a:buFont typeface="Arial" panose="020B0604020202020204" pitchFamily="34" charset="0"/>
              <a:buChar char="•"/>
            </a:pPr>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Hartford Crime </a:t>
            </a:r>
            <a:r>
              <a:rPr lang="en-GB" sz="1400" b="1" dirty="0" err="1">
                <a:solidFill>
                  <a:schemeClr val="bg1"/>
                </a:solidFill>
              </a:rPr>
              <a:t>Center</a:t>
            </a:r>
            <a:r>
              <a:rPr lang="en-GB" sz="1400" dirty="0">
                <a:solidFill>
                  <a:schemeClr val="bg1"/>
                </a:solidFill>
              </a:rPr>
              <a:t>, Connecticut, USA</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Utah Transit Authority, </a:t>
            </a:r>
            <a:r>
              <a:rPr lang="en-GB" sz="1400" dirty="0">
                <a:solidFill>
                  <a:schemeClr val="bg1"/>
                </a:solidFill>
              </a:rPr>
              <a:t>USA</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dirty="0">
              <a:solidFill>
                <a:schemeClr val="bg1"/>
              </a:solidFill>
            </a:endParaRPr>
          </a:p>
          <a:p>
            <a:pPr marL="171450" indent="-171450">
              <a:buFont typeface="Arial" panose="020B0604020202020204" pitchFamily="34" charset="0"/>
              <a:buChar char="•"/>
            </a:pPr>
            <a:r>
              <a:rPr lang="en-GB" sz="1400" b="1" dirty="0">
                <a:solidFill>
                  <a:schemeClr val="bg1"/>
                </a:solidFill>
              </a:rPr>
              <a:t>Denver</a:t>
            </a:r>
            <a:r>
              <a:rPr lang="en-GB" sz="1400" dirty="0">
                <a:solidFill>
                  <a:schemeClr val="bg1"/>
                </a:solidFill>
              </a:rPr>
              <a:t>, USA</a:t>
            </a:r>
            <a:endParaRPr lang="en-GB" sz="1400" b="1" dirty="0">
              <a:solidFill>
                <a:schemeClr val="bg1"/>
              </a:solidFill>
            </a:endParaRPr>
          </a:p>
          <a:p>
            <a:pPr marL="171450" indent="-171450">
              <a:buFont typeface="Arial" panose="020B0604020202020204" pitchFamily="34" charset="0"/>
              <a:buChar char="•"/>
            </a:pPr>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Phoenix-</a:t>
            </a:r>
            <a:r>
              <a:rPr lang="en-GB" sz="1400" b="1" dirty="0" err="1">
                <a:solidFill>
                  <a:schemeClr val="bg1"/>
                </a:solidFill>
              </a:rPr>
              <a:t>Glennsdale</a:t>
            </a:r>
            <a:r>
              <a:rPr lang="en-GB" sz="1400" b="1" dirty="0">
                <a:solidFill>
                  <a:schemeClr val="bg1"/>
                </a:solidFill>
              </a:rPr>
              <a:t>-Scottsdale, </a:t>
            </a:r>
            <a:r>
              <a:rPr lang="en-GB" sz="1400" dirty="0">
                <a:solidFill>
                  <a:schemeClr val="bg1"/>
                </a:solidFill>
              </a:rPr>
              <a:t>Arizona, USA</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Las Vegas</a:t>
            </a:r>
            <a:r>
              <a:rPr lang="en-GB" sz="1400" dirty="0">
                <a:solidFill>
                  <a:schemeClr val="bg1"/>
                </a:solidFill>
              </a:rPr>
              <a:t>, USA</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dirty="0">
              <a:solidFill>
                <a:schemeClr val="bg1"/>
              </a:solidFill>
            </a:endParaRPr>
          </a:p>
          <a:p>
            <a:pPr marL="171450" indent="-171450">
              <a:buFont typeface="Arial" panose="020B0604020202020204" pitchFamily="34" charset="0"/>
              <a:buChar char="•"/>
            </a:pPr>
            <a:r>
              <a:rPr lang="en-GB" sz="1400" b="1" dirty="0">
                <a:solidFill>
                  <a:schemeClr val="bg1"/>
                </a:solidFill>
              </a:rPr>
              <a:t>Beverly Hills</a:t>
            </a:r>
            <a:r>
              <a:rPr lang="en-GB" sz="1400" dirty="0">
                <a:solidFill>
                  <a:schemeClr val="bg1"/>
                </a:solidFill>
              </a:rPr>
              <a:t>, USA</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dirty="0">
              <a:solidFill>
                <a:schemeClr val="bg1"/>
              </a:solidFill>
            </a:endParaRPr>
          </a:p>
          <a:p>
            <a:pPr marL="171450" indent="-171450">
              <a:buFont typeface="Arial" panose="020B0604020202020204" pitchFamily="34" charset="0"/>
              <a:buChar char="•"/>
            </a:pPr>
            <a:r>
              <a:rPr lang="en-GB" sz="1400" b="1" dirty="0">
                <a:solidFill>
                  <a:schemeClr val="bg1"/>
                </a:solidFill>
              </a:rPr>
              <a:t>Houston</a:t>
            </a:r>
            <a:r>
              <a:rPr lang="en-GB" sz="1400" dirty="0">
                <a:solidFill>
                  <a:schemeClr val="bg1"/>
                </a:solidFill>
              </a:rPr>
              <a:t>, USA</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dirty="0">
              <a:solidFill>
                <a:schemeClr val="bg1"/>
              </a:solidFill>
            </a:endParaRPr>
          </a:p>
          <a:p>
            <a:pPr marL="171450" indent="-171450">
              <a:buFont typeface="Arial" panose="020B0604020202020204" pitchFamily="34" charset="0"/>
              <a:buChar char="•"/>
            </a:pPr>
            <a:r>
              <a:rPr lang="en-GB" sz="1400" b="1" dirty="0">
                <a:solidFill>
                  <a:schemeClr val="bg1"/>
                </a:solidFill>
              </a:rPr>
              <a:t>Cleveland</a:t>
            </a:r>
            <a:r>
              <a:rPr lang="en-GB" sz="1400" dirty="0">
                <a:solidFill>
                  <a:schemeClr val="bg1"/>
                </a:solidFill>
              </a:rPr>
              <a:t>, USA</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dirty="0">
              <a:solidFill>
                <a:schemeClr val="bg1"/>
              </a:solidFill>
            </a:endParaRPr>
          </a:p>
          <a:p>
            <a:pPr marL="171450" indent="-171450">
              <a:buFont typeface="Arial" panose="020B0604020202020204" pitchFamily="34" charset="0"/>
              <a:buChar char="•"/>
            </a:pPr>
            <a:r>
              <a:rPr lang="en-GB" sz="1400" dirty="0">
                <a:solidFill>
                  <a:schemeClr val="bg1"/>
                </a:solidFill>
              </a:rPr>
              <a:t>Department of transportation: </a:t>
            </a:r>
            <a:r>
              <a:rPr lang="en-GB" sz="1400" b="1" dirty="0">
                <a:solidFill>
                  <a:schemeClr val="bg1"/>
                </a:solidFill>
              </a:rPr>
              <a:t>Florida, Ohio, Washington, Oregon</a:t>
            </a:r>
            <a:r>
              <a:rPr lang="en-GB" sz="1400" dirty="0">
                <a:solidFill>
                  <a:schemeClr val="bg1"/>
                </a:solidFill>
              </a:rPr>
              <a:t>, USA</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b="1" dirty="0">
              <a:solidFill>
                <a:schemeClr val="bg1"/>
              </a:solidFill>
            </a:endParaRPr>
          </a:p>
          <a:p>
            <a:pPr marL="171450" indent="-171450">
              <a:buFont typeface="Arial" panose="020B0604020202020204" pitchFamily="34" charset="0"/>
              <a:buChar char="•"/>
            </a:pPr>
            <a:r>
              <a:rPr lang="en-GB" sz="1400" b="1" dirty="0">
                <a:solidFill>
                  <a:schemeClr val="bg1"/>
                </a:solidFill>
              </a:rPr>
              <a:t>District of Vincente </a:t>
            </a:r>
            <a:r>
              <a:rPr lang="en-GB" sz="1400" b="1" dirty="0" err="1">
                <a:solidFill>
                  <a:schemeClr val="bg1"/>
                </a:solidFill>
              </a:rPr>
              <a:t>Lopéz</a:t>
            </a:r>
            <a:r>
              <a:rPr lang="en-GB" sz="1400" dirty="0">
                <a:solidFill>
                  <a:schemeClr val="bg1"/>
                </a:solidFill>
              </a:rPr>
              <a:t>, Buenos Aires, Argentina</a:t>
            </a:r>
            <a:endParaRPr lang="en-GB" sz="1400" dirty="0">
              <a:solidFill>
                <a:schemeClr val="bg1"/>
              </a:solidFill>
              <a:ea typeface="Open Sans"/>
              <a:cs typeface="Open Sans"/>
            </a:endParaRPr>
          </a:p>
          <a:p>
            <a:pPr marL="171450" indent="-171450">
              <a:buFont typeface="Arial" panose="020B0604020202020204" pitchFamily="34" charset="0"/>
              <a:buChar char="•"/>
            </a:pPr>
            <a:endParaRPr lang="en-GB" sz="1400" dirty="0">
              <a:solidFill>
                <a:schemeClr val="bg1"/>
              </a:solidFill>
            </a:endParaRPr>
          </a:p>
          <a:p>
            <a:r>
              <a:rPr lang="en-GB" sz="1400" i="1" dirty="0">
                <a:solidFill>
                  <a:schemeClr val="bg1"/>
                </a:solidFill>
              </a:rPr>
              <a:t>A </a:t>
            </a:r>
            <a:r>
              <a:rPr lang="en-GB" sz="1400" i="1" dirty="0" err="1">
                <a:solidFill>
                  <a:schemeClr val="bg1"/>
                </a:solidFill>
              </a:rPr>
              <a:t>mnoho</a:t>
            </a:r>
            <a:r>
              <a:rPr lang="en-GB" sz="1400" i="1" dirty="0">
                <a:solidFill>
                  <a:schemeClr val="bg1"/>
                </a:solidFill>
              </a:rPr>
              <a:t> </a:t>
            </a:r>
            <a:r>
              <a:rPr lang="en-GB" sz="1400" i="1" dirty="0" err="1">
                <a:solidFill>
                  <a:schemeClr val="bg1"/>
                </a:solidFill>
              </a:rPr>
              <a:t>dalších</a:t>
            </a:r>
            <a:r>
              <a:rPr lang="en-GB" sz="1400" i="1" dirty="0">
                <a:solidFill>
                  <a:schemeClr val="bg1"/>
                </a:solidFill>
              </a:rPr>
              <a:t>...</a:t>
            </a:r>
            <a:endParaRPr lang="en-GB" sz="1200" dirty="0">
              <a:solidFill>
                <a:schemeClr val="bg1"/>
              </a:solidFill>
            </a:endParaRPr>
          </a:p>
          <a:p>
            <a:pPr marL="171450" indent="-171450">
              <a:buFont typeface="Arial" panose="020B0604020202020204" pitchFamily="34" charset="0"/>
              <a:buChar char="•"/>
            </a:pPr>
            <a:endParaRPr lang="en-GB" sz="1200" dirty="0">
              <a:solidFill>
                <a:schemeClr val="bg1"/>
              </a:solidFill>
            </a:endParaRPr>
          </a:p>
        </p:txBody>
      </p:sp>
    </p:spTree>
    <p:extLst>
      <p:ext uri="{BB962C8B-B14F-4D97-AF65-F5344CB8AC3E}">
        <p14:creationId xmlns:p14="http://schemas.microsoft.com/office/powerpoint/2010/main" val="316536802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5" name="Picture Placeholder 34" descr="A picture containing sky, outdoor, road, way&#10;&#10;Description automatically generated">
            <a:extLst>
              <a:ext uri="{FF2B5EF4-FFF2-40B4-BE49-F238E27FC236}">
                <a16:creationId xmlns:a16="http://schemas.microsoft.com/office/drawing/2014/main" id="{82199B83-19CA-41FA-92EB-21AA358607C3}"/>
              </a:ext>
            </a:extLst>
          </p:cNvPr>
          <p:cNvPicPr>
            <a:picLocks noGrp="1" noChangeAspect="1"/>
          </p:cNvPicPr>
          <p:nvPr>
            <p:ph type="pic" sz="quarter" idx="16"/>
          </p:nvPr>
        </p:nvPicPr>
        <p:blipFill>
          <a:blip r:embed="rId3">
            <a:extLst>
              <a:ext uri="{28A0092B-C50C-407E-A947-70E740481C1C}">
                <a14:useLocalDpi xmlns:a14="http://schemas.microsoft.com/office/drawing/2010/main" val="0"/>
              </a:ext>
            </a:extLst>
          </a:blip>
          <a:srcRect t="18795" b="18795"/>
          <a:stretch>
            <a:fillRect/>
          </a:stretch>
        </p:blipFill>
        <p:spPr>
          <a:xfrm>
            <a:off x="0" y="-18464"/>
            <a:ext cx="12220350" cy="6858000"/>
          </a:xfrm>
        </p:spPr>
      </p:pic>
      <p:sp>
        <p:nvSpPr>
          <p:cNvPr id="37" name="Rectangle 36">
            <a:extLst>
              <a:ext uri="{FF2B5EF4-FFF2-40B4-BE49-F238E27FC236}">
                <a16:creationId xmlns:a16="http://schemas.microsoft.com/office/drawing/2014/main" id="{1352E844-84DC-4819-8B22-F7F608D1D2FE}"/>
              </a:ext>
            </a:extLst>
          </p:cNvPr>
          <p:cNvSpPr/>
          <p:nvPr/>
        </p:nvSpPr>
        <p:spPr>
          <a:xfrm>
            <a:off x="1" y="-89902"/>
            <a:ext cx="12220349" cy="7000875"/>
          </a:xfrm>
          <a:prstGeom prst="rect">
            <a:avLst/>
          </a:prstGeom>
          <a:gradFill flip="none" rotWithShape="1">
            <a:gsLst>
              <a:gs pos="0">
                <a:schemeClr val="accent1"/>
              </a:gs>
              <a:gs pos="68000">
                <a:schemeClr val="accent2">
                  <a:alpha val="0"/>
                </a:schemeClr>
              </a:gs>
            </a:gsLst>
            <a:lin ang="30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nvGrpSpPr>
          <p:cNvPr id="40" name="Group 39">
            <a:extLst>
              <a:ext uri="{FF2B5EF4-FFF2-40B4-BE49-F238E27FC236}">
                <a16:creationId xmlns:a16="http://schemas.microsoft.com/office/drawing/2014/main" id="{F7A27B2A-2D83-428D-9CB9-7A7322418F6E}"/>
              </a:ext>
            </a:extLst>
          </p:cNvPr>
          <p:cNvGrpSpPr/>
          <p:nvPr/>
        </p:nvGrpSpPr>
        <p:grpSpPr>
          <a:xfrm>
            <a:off x="7282048" y="-187974"/>
            <a:ext cx="4066988" cy="2996200"/>
            <a:chOff x="-4624321" y="-296705"/>
            <a:chExt cx="2489717" cy="2700471"/>
          </a:xfrm>
        </p:grpSpPr>
        <p:sp>
          <p:nvSpPr>
            <p:cNvPr id="41" name="Freeform: Shape 40">
              <a:extLst>
                <a:ext uri="{FF2B5EF4-FFF2-40B4-BE49-F238E27FC236}">
                  <a16:creationId xmlns:a16="http://schemas.microsoft.com/office/drawing/2014/main" id="{A3AE14A5-9FE5-40ED-A57A-82BA3D072DF2}"/>
                </a:ext>
              </a:extLst>
            </p:cNvPr>
            <p:cNvSpPr/>
            <p:nvPr/>
          </p:nvSpPr>
          <p:spPr>
            <a:xfrm>
              <a:off x="-4624321" y="-296705"/>
              <a:ext cx="2489717" cy="2700471"/>
            </a:xfrm>
            <a:custGeom>
              <a:avLst/>
              <a:gdLst>
                <a:gd name="connsiteX0" fmla="*/ 0 w 3539778"/>
                <a:gd name="connsiteY0" fmla="*/ 0 h 3385372"/>
                <a:gd name="connsiteX1" fmla="*/ 139100 w 3539778"/>
                <a:gd name="connsiteY1" fmla="*/ 0 h 3385372"/>
                <a:gd name="connsiteX2" fmla="*/ 460210 w 3539778"/>
                <a:gd name="connsiteY2" fmla="*/ 0 h 3385372"/>
                <a:gd name="connsiteX3" fmla="*/ 810811 w 3539778"/>
                <a:gd name="connsiteY3" fmla="*/ 0 h 3385372"/>
                <a:gd name="connsiteX4" fmla="*/ 1325817 w 3539778"/>
                <a:gd name="connsiteY4" fmla="*/ 0 h 3385372"/>
                <a:gd name="connsiteX5" fmla="*/ 1651859 w 3539778"/>
                <a:gd name="connsiteY5" fmla="*/ 0 h 3385372"/>
                <a:gd name="connsiteX6" fmla="*/ 1676418 w 3539778"/>
                <a:gd name="connsiteY6" fmla="*/ 0 h 3385372"/>
                <a:gd name="connsiteX7" fmla="*/ 2002460 w 3539778"/>
                <a:gd name="connsiteY7" fmla="*/ 0 h 3385372"/>
                <a:gd name="connsiteX8" fmla="*/ 2323570 w 3539778"/>
                <a:gd name="connsiteY8" fmla="*/ 0 h 3385372"/>
                <a:gd name="connsiteX9" fmla="*/ 2674171 w 3539778"/>
                <a:gd name="connsiteY9" fmla="*/ 0 h 3385372"/>
                <a:gd name="connsiteX10" fmla="*/ 3189177 w 3539778"/>
                <a:gd name="connsiteY10" fmla="*/ 0 h 3385372"/>
                <a:gd name="connsiteX11" fmla="*/ 3539778 w 3539778"/>
                <a:gd name="connsiteY11" fmla="*/ 0 h 3385372"/>
                <a:gd name="connsiteX12" fmla="*/ 3539778 w 3539778"/>
                <a:gd name="connsiteY12" fmla="*/ 87258 h 3385372"/>
                <a:gd name="connsiteX13" fmla="*/ 3539778 w 3539778"/>
                <a:gd name="connsiteY13" fmla="*/ 301441 h 3385372"/>
                <a:gd name="connsiteX14" fmla="*/ 3539778 w 3539778"/>
                <a:gd name="connsiteY14" fmla="*/ 388699 h 3385372"/>
                <a:gd name="connsiteX15" fmla="*/ 3539778 w 3539778"/>
                <a:gd name="connsiteY15" fmla="*/ 450353 h 3385372"/>
                <a:gd name="connsiteX16" fmla="*/ 3539778 w 3539778"/>
                <a:gd name="connsiteY16" fmla="*/ 528021 h 3385372"/>
                <a:gd name="connsiteX17" fmla="*/ 3539778 w 3539778"/>
                <a:gd name="connsiteY17" fmla="*/ 537611 h 3385372"/>
                <a:gd name="connsiteX18" fmla="*/ 3539778 w 3539778"/>
                <a:gd name="connsiteY18" fmla="*/ 615279 h 3385372"/>
                <a:gd name="connsiteX19" fmla="*/ 3539778 w 3539778"/>
                <a:gd name="connsiteY19" fmla="*/ 751794 h 3385372"/>
                <a:gd name="connsiteX20" fmla="*/ 3539778 w 3539778"/>
                <a:gd name="connsiteY20" fmla="*/ 829462 h 3385372"/>
                <a:gd name="connsiteX21" fmla="*/ 3539778 w 3539778"/>
                <a:gd name="connsiteY21" fmla="*/ 839052 h 3385372"/>
                <a:gd name="connsiteX22" fmla="*/ 3539778 w 3539778"/>
                <a:gd name="connsiteY22" fmla="*/ 916720 h 3385372"/>
                <a:gd name="connsiteX23" fmla="*/ 3539778 w 3539778"/>
                <a:gd name="connsiteY23" fmla="*/ 978374 h 3385372"/>
                <a:gd name="connsiteX24" fmla="*/ 3539778 w 3539778"/>
                <a:gd name="connsiteY24" fmla="*/ 1065632 h 3385372"/>
                <a:gd name="connsiteX25" fmla="*/ 3539778 w 3539778"/>
                <a:gd name="connsiteY25" fmla="*/ 1279815 h 3385372"/>
                <a:gd name="connsiteX26" fmla="*/ 3539778 w 3539778"/>
                <a:gd name="connsiteY26" fmla="*/ 1367073 h 3385372"/>
                <a:gd name="connsiteX27" fmla="*/ 3539778 w 3539778"/>
                <a:gd name="connsiteY27" fmla="*/ 1702927 h 3385372"/>
                <a:gd name="connsiteX28" fmla="*/ 3539778 w 3539778"/>
                <a:gd name="connsiteY28" fmla="*/ 1790185 h 3385372"/>
                <a:gd name="connsiteX29" fmla="*/ 3539778 w 3539778"/>
                <a:gd name="connsiteY29" fmla="*/ 2004369 h 3385372"/>
                <a:gd name="connsiteX30" fmla="*/ 3539778 w 3539778"/>
                <a:gd name="connsiteY30" fmla="*/ 2091627 h 3385372"/>
                <a:gd name="connsiteX31" fmla="*/ 3539778 w 3539778"/>
                <a:gd name="connsiteY31" fmla="*/ 2153280 h 3385372"/>
                <a:gd name="connsiteX32" fmla="*/ 3539778 w 3539778"/>
                <a:gd name="connsiteY32" fmla="*/ 2230948 h 3385372"/>
                <a:gd name="connsiteX33" fmla="*/ 3539778 w 3539778"/>
                <a:gd name="connsiteY33" fmla="*/ 2240538 h 3385372"/>
                <a:gd name="connsiteX34" fmla="*/ 3539778 w 3539778"/>
                <a:gd name="connsiteY34" fmla="*/ 2318206 h 3385372"/>
                <a:gd name="connsiteX35" fmla="*/ 3539778 w 3539778"/>
                <a:gd name="connsiteY35" fmla="*/ 2454722 h 3385372"/>
                <a:gd name="connsiteX36" fmla="*/ 3539778 w 3539778"/>
                <a:gd name="connsiteY36" fmla="*/ 2532389 h 3385372"/>
                <a:gd name="connsiteX37" fmla="*/ 3539778 w 3539778"/>
                <a:gd name="connsiteY37" fmla="*/ 2541980 h 3385372"/>
                <a:gd name="connsiteX38" fmla="*/ 3539778 w 3539778"/>
                <a:gd name="connsiteY38" fmla="*/ 2619647 h 3385372"/>
                <a:gd name="connsiteX39" fmla="*/ 3539778 w 3539778"/>
                <a:gd name="connsiteY39" fmla="*/ 2681301 h 3385372"/>
                <a:gd name="connsiteX40" fmla="*/ 3539778 w 3539778"/>
                <a:gd name="connsiteY40" fmla="*/ 2768559 h 3385372"/>
                <a:gd name="connsiteX41" fmla="*/ 3539778 w 3539778"/>
                <a:gd name="connsiteY41" fmla="*/ 2982742 h 3385372"/>
                <a:gd name="connsiteX42" fmla="*/ 3539778 w 3539778"/>
                <a:gd name="connsiteY42" fmla="*/ 3070000 h 3385372"/>
                <a:gd name="connsiteX43" fmla="*/ 3224406 w 3539778"/>
                <a:gd name="connsiteY43" fmla="*/ 3385372 h 3385372"/>
                <a:gd name="connsiteX44" fmla="*/ 2873805 w 3539778"/>
                <a:gd name="connsiteY44" fmla="*/ 3385372 h 3385372"/>
                <a:gd name="connsiteX45" fmla="*/ 2358799 w 3539778"/>
                <a:gd name="connsiteY45" fmla="*/ 3385372 h 3385372"/>
                <a:gd name="connsiteX46" fmla="*/ 2008198 w 3539778"/>
                <a:gd name="connsiteY46" fmla="*/ 3385372 h 3385372"/>
                <a:gd name="connsiteX47" fmla="*/ 1687088 w 3539778"/>
                <a:gd name="connsiteY47" fmla="*/ 3385372 h 3385372"/>
                <a:gd name="connsiteX48" fmla="*/ 1676418 w 3539778"/>
                <a:gd name="connsiteY48" fmla="*/ 3385372 h 3385372"/>
                <a:gd name="connsiteX49" fmla="*/ 1336487 w 3539778"/>
                <a:gd name="connsiteY49" fmla="*/ 3385372 h 3385372"/>
                <a:gd name="connsiteX50" fmla="*/ 1325817 w 3539778"/>
                <a:gd name="connsiteY50" fmla="*/ 3385372 h 3385372"/>
                <a:gd name="connsiteX51" fmla="*/ 810811 w 3539778"/>
                <a:gd name="connsiteY51" fmla="*/ 3385372 h 3385372"/>
                <a:gd name="connsiteX52" fmla="*/ 460210 w 3539778"/>
                <a:gd name="connsiteY52" fmla="*/ 3385372 h 3385372"/>
                <a:gd name="connsiteX53" fmla="*/ 139100 w 3539778"/>
                <a:gd name="connsiteY53" fmla="*/ 3385372 h 3385372"/>
                <a:gd name="connsiteX54" fmla="*/ 0 w 3539778"/>
                <a:gd name="connsiteY54" fmla="*/ 3385372 h 3385372"/>
                <a:gd name="connsiteX55" fmla="*/ 0 w 3539778"/>
                <a:gd name="connsiteY55" fmla="*/ 3298114 h 3385372"/>
                <a:gd name="connsiteX56" fmla="*/ 0 w 3539778"/>
                <a:gd name="connsiteY56" fmla="*/ 87258 h 33853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3539778" h="3385372">
                  <a:moveTo>
                    <a:pt x="0" y="0"/>
                  </a:moveTo>
                  <a:lnTo>
                    <a:pt x="139100" y="0"/>
                  </a:lnTo>
                  <a:lnTo>
                    <a:pt x="460210" y="0"/>
                  </a:lnTo>
                  <a:lnTo>
                    <a:pt x="810811" y="0"/>
                  </a:lnTo>
                  <a:lnTo>
                    <a:pt x="1325817" y="0"/>
                  </a:lnTo>
                  <a:lnTo>
                    <a:pt x="1651859" y="0"/>
                  </a:lnTo>
                  <a:lnTo>
                    <a:pt x="1676418" y="0"/>
                  </a:lnTo>
                  <a:lnTo>
                    <a:pt x="2002460" y="0"/>
                  </a:lnTo>
                  <a:lnTo>
                    <a:pt x="2323570" y="0"/>
                  </a:lnTo>
                  <a:lnTo>
                    <a:pt x="2674171" y="0"/>
                  </a:lnTo>
                  <a:lnTo>
                    <a:pt x="3189177" y="0"/>
                  </a:lnTo>
                  <a:lnTo>
                    <a:pt x="3539778" y="0"/>
                  </a:lnTo>
                  <a:lnTo>
                    <a:pt x="3539778" y="87258"/>
                  </a:lnTo>
                  <a:lnTo>
                    <a:pt x="3539778" y="301441"/>
                  </a:lnTo>
                  <a:lnTo>
                    <a:pt x="3539778" y="388699"/>
                  </a:lnTo>
                  <a:lnTo>
                    <a:pt x="3539778" y="450353"/>
                  </a:lnTo>
                  <a:lnTo>
                    <a:pt x="3539778" y="528021"/>
                  </a:lnTo>
                  <a:lnTo>
                    <a:pt x="3539778" y="537611"/>
                  </a:lnTo>
                  <a:lnTo>
                    <a:pt x="3539778" y="615279"/>
                  </a:lnTo>
                  <a:lnTo>
                    <a:pt x="3539778" y="751794"/>
                  </a:lnTo>
                  <a:lnTo>
                    <a:pt x="3539778" y="829462"/>
                  </a:lnTo>
                  <a:lnTo>
                    <a:pt x="3539778" y="839052"/>
                  </a:lnTo>
                  <a:lnTo>
                    <a:pt x="3539778" y="916720"/>
                  </a:lnTo>
                  <a:lnTo>
                    <a:pt x="3539778" y="978374"/>
                  </a:lnTo>
                  <a:lnTo>
                    <a:pt x="3539778" y="1065632"/>
                  </a:lnTo>
                  <a:lnTo>
                    <a:pt x="3539778" y="1279815"/>
                  </a:lnTo>
                  <a:lnTo>
                    <a:pt x="3539778" y="1367073"/>
                  </a:lnTo>
                  <a:lnTo>
                    <a:pt x="3539778" y="1702927"/>
                  </a:lnTo>
                  <a:lnTo>
                    <a:pt x="3539778" y="1790185"/>
                  </a:lnTo>
                  <a:lnTo>
                    <a:pt x="3539778" y="2004369"/>
                  </a:lnTo>
                  <a:lnTo>
                    <a:pt x="3539778" y="2091627"/>
                  </a:lnTo>
                  <a:lnTo>
                    <a:pt x="3539778" y="2153280"/>
                  </a:lnTo>
                  <a:lnTo>
                    <a:pt x="3539778" y="2230948"/>
                  </a:lnTo>
                  <a:lnTo>
                    <a:pt x="3539778" y="2240538"/>
                  </a:lnTo>
                  <a:lnTo>
                    <a:pt x="3539778" y="2318206"/>
                  </a:lnTo>
                  <a:lnTo>
                    <a:pt x="3539778" y="2454722"/>
                  </a:lnTo>
                  <a:lnTo>
                    <a:pt x="3539778" y="2532389"/>
                  </a:lnTo>
                  <a:lnTo>
                    <a:pt x="3539778" y="2541980"/>
                  </a:lnTo>
                  <a:lnTo>
                    <a:pt x="3539778" y="2619647"/>
                  </a:lnTo>
                  <a:lnTo>
                    <a:pt x="3539778" y="2681301"/>
                  </a:lnTo>
                  <a:lnTo>
                    <a:pt x="3539778" y="2768559"/>
                  </a:lnTo>
                  <a:lnTo>
                    <a:pt x="3539778" y="2982742"/>
                  </a:lnTo>
                  <a:lnTo>
                    <a:pt x="3539778" y="3070000"/>
                  </a:lnTo>
                  <a:lnTo>
                    <a:pt x="3224406" y="3385372"/>
                  </a:lnTo>
                  <a:lnTo>
                    <a:pt x="2873805" y="3385372"/>
                  </a:lnTo>
                  <a:lnTo>
                    <a:pt x="2358799" y="3385372"/>
                  </a:lnTo>
                  <a:lnTo>
                    <a:pt x="2008198" y="3385372"/>
                  </a:lnTo>
                  <a:lnTo>
                    <a:pt x="1687088" y="3385372"/>
                  </a:lnTo>
                  <a:lnTo>
                    <a:pt x="1676418" y="3385372"/>
                  </a:lnTo>
                  <a:lnTo>
                    <a:pt x="1336487" y="3385372"/>
                  </a:lnTo>
                  <a:lnTo>
                    <a:pt x="1325817" y="3385372"/>
                  </a:lnTo>
                  <a:lnTo>
                    <a:pt x="810811" y="3385372"/>
                  </a:lnTo>
                  <a:lnTo>
                    <a:pt x="460210" y="3385372"/>
                  </a:lnTo>
                  <a:lnTo>
                    <a:pt x="139100" y="3385372"/>
                  </a:lnTo>
                  <a:lnTo>
                    <a:pt x="0" y="3385372"/>
                  </a:lnTo>
                  <a:lnTo>
                    <a:pt x="0" y="3298114"/>
                  </a:lnTo>
                  <a:lnTo>
                    <a:pt x="0" y="87258"/>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42" name="TextBox 41">
              <a:extLst>
                <a:ext uri="{FF2B5EF4-FFF2-40B4-BE49-F238E27FC236}">
                  <a16:creationId xmlns:a16="http://schemas.microsoft.com/office/drawing/2014/main" id="{6BE6354F-2003-450D-82FC-B80969A835F1}"/>
                </a:ext>
              </a:extLst>
            </p:cNvPr>
            <p:cNvSpPr txBox="1"/>
            <p:nvPr/>
          </p:nvSpPr>
          <p:spPr>
            <a:xfrm>
              <a:off x="-4408271" y="-110643"/>
              <a:ext cx="2057617" cy="2328347"/>
            </a:xfrm>
            <a:prstGeom prst="rect">
              <a:avLst/>
            </a:prstGeom>
            <a:noFill/>
          </p:spPr>
          <p:txBody>
            <a:bodyPr wrap="square">
              <a:spAutoFit/>
            </a:bodyPr>
            <a:lstStyle/>
            <a:p>
              <a:pPr algn="ctr"/>
              <a:r>
                <a:rPr lang="en-GB" sz="5400" b="1" dirty="0">
                  <a:solidFill>
                    <a:schemeClr val="accent2"/>
                  </a:solidFill>
                  <a:latin typeface="Open Sans" panose="020B0606030504020204" pitchFamily="34" charset="0"/>
                </a:rPr>
                <a:t>Katowice Smart City</a:t>
              </a:r>
              <a:endParaRPr lang="en-GB" dirty="0"/>
            </a:p>
          </p:txBody>
        </p:sp>
      </p:grpSp>
    </p:spTree>
    <p:extLst>
      <p:ext uri="{BB962C8B-B14F-4D97-AF65-F5344CB8AC3E}">
        <p14:creationId xmlns:p14="http://schemas.microsoft.com/office/powerpoint/2010/main" val="178581760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Content Placeholder 15" descr="A picture containing text, resort&#10;&#10;Description automatically generated">
            <a:extLst>
              <a:ext uri="{FF2B5EF4-FFF2-40B4-BE49-F238E27FC236}">
                <a16:creationId xmlns:a16="http://schemas.microsoft.com/office/drawing/2014/main" id="{43BB90B5-ED57-4A8D-AE35-E1A32036EF0A}"/>
              </a:ext>
            </a:extLst>
          </p:cNvPr>
          <p:cNvPicPr>
            <a:picLocks noGrp="1" noChangeAspect="1"/>
          </p:cNvPicPr>
          <p:nvPr>
            <p:ph sz="quarter" idx="22"/>
          </p:nvPr>
        </p:nvPicPr>
        <p:blipFill>
          <a:blip r:embed="rId4">
            <a:extLst>
              <a:ext uri="{28A0092B-C50C-407E-A947-70E740481C1C}">
                <a14:useLocalDpi xmlns:a14="http://schemas.microsoft.com/office/drawing/2010/main" val="0"/>
              </a:ext>
            </a:extLst>
          </a:blip>
          <a:stretch>
            <a:fillRect/>
          </a:stretch>
        </p:blipFill>
        <p:spPr>
          <a:xfrm>
            <a:off x="0" y="0"/>
            <a:ext cx="12192000" cy="7278613"/>
          </a:xfrm>
        </p:spPr>
      </p:pic>
      <p:sp>
        <p:nvSpPr>
          <p:cNvPr id="14" name="Text Placeholder 6">
            <a:extLst>
              <a:ext uri="{FF2B5EF4-FFF2-40B4-BE49-F238E27FC236}">
                <a16:creationId xmlns:a16="http://schemas.microsoft.com/office/drawing/2014/main" id="{D9EE37D2-7FFB-E341-AFBC-7C33231F7DF0}"/>
              </a:ext>
            </a:extLst>
          </p:cNvPr>
          <p:cNvSpPr>
            <a:spLocks noGrp="1"/>
          </p:cNvSpPr>
          <p:nvPr/>
        </p:nvSpPr>
        <p:spPr>
          <a:xfrm>
            <a:off x="457200" y="6400800"/>
            <a:ext cx="1152000" cy="234000"/>
          </a:xfrm>
          <a:prstGeom prst="rect">
            <a:avLst/>
          </a:prstGeom>
          <a:blipFill>
            <a:blip r:embed="rId5"/>
            <a:stretch>
              <a:fillRect/>
            </a:stretch>
          </a:blipFill>
        </p:spPr>
        <p:txBody>
          <a:bodyPr vert="horz" lIns="0" tIns="0" rIns="0" bIns="0" rtlCol="0">
            <a:normAutofit/>
          </a:bodyPr>
          <a:lstStyle>
            <a:lvl1pPr marL="0" indent="0" algn="l" defTabSz="914400" rtl="0" eaLnBrk="1" latinLnBrk="0" hangingPunct="1">
              <a:lnSpc>
                <a:spcPct val="100000"/>
              </a:lnSpc>
              <a:spcBef>
                <a:spcPts val="600"/>
              </a:spcBef>
              <a:spcAft>
                <a:spcPts val="0"/>
              </a:spcAft>
              <a:buFont typeface="Arial" panose="020B0604020202020204" pitchFamily="34" charset="0"/>
              <a:buNone/>
              <a:defRPr sz="100" kern="1200">
                <a:noFill/>
                <a:latin typeface="+mn-lt"/>
                <a:ea typeface="Open Sans" panose="020B0606030504020204" pitchFamily="34" charset="0"/>
                <a:cs typeface="Open Sans" panose="020B0606030504020204" pitchFamily="34" charset="0"/>
              </a:defRPr>
            </a:lvl1pPr>
            <a:lvl2pPr marL="274320" indent="-182880" algn="l" defTabSz="914400" rtl="0" eaLnBrk="1" latinLnBrk="0" hangingPunct="1">
              <a:lnSpc>
                <a:spcPct val="90000"/>
              </a:lnSpc>
              <a:spcBef>
                <a:spcPts val="400"/>
              </a:spcBef>
              <a:buFont typeface="Arial" panose="020B0604020202020204" pitchFamily="34" charset="0"/>
              <a:buChar char="•"/>
              <a:defRPr sz="100" kern="1200">
                <a:solidFill>
                  <a:schemeClr val="tx1"/>
                </a:solidFill>
                <a:latin typeface="+mn-lt"/>
                <a:ea typeface="Open Sans" panose="020B0606030504020204" pitchFamily="34" charset="0"/>
                <a:cs typeface="Open Sans" panose="020B0606030504020204" pitchFamily="34" charset="0"/>
              </a:defRPr>
            </a:lvl2pPr>
            <a:lvl3pPr marL="457200" indent="-182880" algn="l" defTabSz="914400" rtl="0" eaLnBrk="1" latinLnBrk="0" hangingPunct="1">
              <a:lnSpc>
                <a:spcPct val="90000"/>
              </a:lnSpc>
              <a:spcBef>
                <a:spcPts val="400"/>
              </a:spcBef>
              <a:spcAft>
                <a:spcPts val="0"/>
              </a:spcAft>
              <a:buFont typeface="Open Sans" panose="020B0604020202020204" charset="0"/>
              <a:buChar char="-"/>
              <a:defRPr lang="en-US" sz="100" kern="1200" noProof="0">
                <a:solidFill>
                  <a:schemeClr val="tx1"/>
                </a:solidFill>
                <a:latin typeface="+mn-lt"/>
                <a:ea typeface="Open Sans" panose="020B0606030504020204" pitchFamily="34" charset="0"/>
                <a:cs typeface="Open Sans" panose="020B0606030504020204" pitchFamily="34" charset="0"/>
              </a:defRPr>
            </a:lvl3pPr>
            <a:lvl4pPr marL="640080" indent="-137160" algn="l" defTabSz="914400" rtl="0" eaLnBrk="1" latinLnBrk="0" hangingPunct="1">
              <a:lnSpc>
                <a:spcPct val="90000"/>
              </a:lnSpc>
              <a:spcBef>
                <a:spcPts val="400"/>
              </a:spcBef>
              <a:spcAft>
                <a:spcPts val="600"/>
              </a:spcAft>
              <a:buFont typeface="Open Sans" panose="020B0604020202020204" charset="0"/>
              <a:buChar char="∙"/>
              <a:defRPr sz="100" kern="1200" baseline="0">
                <a:solidFill>
                  <a:schemeClr val="tx1"/>
                </a:solidFill>
                <a:latin typeface="+mn-lt"/>
                <a:ea typeface="Open Sans" panose="020B0606030504020204" pitchFamily="34" charset="0"/>
                <a:cs typeface="Open Sans" panose="020B0606030504020204" pitchFamily="34" charset="0"/>
              </a:defRPr>
            </a:lvl4pPr>
            <a:lvl5pPr marL="594360" indent="-182880" algn="l" defTabSz="914400" rtl="0" eaLnBrk="1" latinLnBrk="0" hangingPunct="1">
              <a:lnSpc>
                <a:spcPct val="90000"/>
              </a:lnSpc>
              <a:spcBef>
                <a:spcPts val="400"/>
              </a:spcBef>
              <a:spcAft>
                <a:spcPts val="0"/>
              </a:spcAft>
              <a:buFont typeface="Arial" panose="020B0604020202020204" pitchFamily="34" charset="0"/>
              <a:buChar char="•"/>
              <a:defRPr sz="100" kern="1200">
                <a:solidFill>
                  <a:schemeClr val="tx1"/>
                </a:solidFill>
                <a:latin typeface="+mn-lt"/>
                <a:ea typeface="Open Sans" panose="020B0606030504020204" pitchFamily="34" charset="0"/>
                <a:cs typeface="Open Sans" panose="020B0606030504020204" pitchFamily="34" charset="0"/>
              </a:defRPr>
            </a:lvl5pPr>
            <a:lvl6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a:solidFill>
                  <a:schemeClr val="tx1"/>
                </a:solidFill>
                <a:latin typeface="+mn-lt"/>
                <a:ea typeface="Open Sans" panose="020B0606030504020204" pitchFamily="34" charset="0"/>
                <a:cs typeface="Open Sans" panose="020B0606030504020204" pitchFamily="34" charset="0"/>
              </a:defRPr>
            </a:lvl6pPr>
            <a:lvl7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baseline="0">
                <a:solidFill>
                  <a:schemeClr val="tx1"/>
                </a:solidFill>
                <a:latin typeface="+mn-lt"/>
                <a:ea typeface="Open Sans" panose="020B0606030504020204" pitchFamily="34" charset="0"/>
                <a:cs typeface="Open Sans" panose="020B0606030504020204" pitchFamily="34" charset="0"/>
              </a:defRPr>
            </a:lvl7pPr>
            <a:lvl8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a:solidFill>
                  <a:schemeClr val="tx1"/>
                </a:solidFill>
                <a:latin typeface="+mn-lt"/>
                <a:ea typeface="Open Sans" panose="020B0606030504020204" pitchFamily="34" charset="0"/>
                <a:cs typeface="Open Sans" panose="020B0606030504020204" pitchFamily="34" charset="0"/>
              </a:defRPr>
            </a:lvl8pPr>
            <a:lvl9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baseline="0">
                <a:solidFill>
                  <a:schemeClr val="tx1"/>
                </a:solidFill>
                <a:latin typeface="+mn-lt"/>
                <a:ea typeface="Open Sans" panose="020B0606030504020204" pitchFamily="34" charset="0"/>
                <a:cs typeface="Open Sans" panose="020B0606030504020204" pitchFamily="34" charset="0"/>
              </a:defRPr>
            </a:lvl9pPr>
          </a:lstStyle>
          <a:p>
            <a:endParaRPr lang="en-BG"/>
          </a:p>
        </p:txBody>
      </p:sp>
      <p:pic>
        <p:nvPicPr>
          <p:cNvPr id="5" name="Picture 4" descr="A picture containing icon&#10;&#10;Description automatically generated">
            <a:extLst>
              <a:ext uri="{FF2B5EF4-FFF2-40B4-BE49-F238E27FC236}">
                <a16:creationId xmlns:a16="http://schemas.microsoft.com/office/drawing/2014/main" id="{78F3D75C-0F3A-2449-B9C0-85EF807DCBFB}"/>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911500" y="6429932"/>
            <a:ext cx="1490158" cy="286808"/>
          </a:xfrm>
          <a:prstGeom prst="rect">
            <a:avLst/>
          </a:prstGeom>
        </p:spPr>
      </p:pic>
      <p:sp>
        <p:nvSpPr>
          <p:cNvPr id="13" name="Content Placeholder 12">
            <a:extLst>
              <a:ext uri="{FF2B5EF4-FFF2-40B4-BE49-F238E27FC236}">
                <a16:creationId xmlns:a16="http://schemas.microsoft.com/office/drawing/2014/main" id="{18B4E74D-9AD7-4889-854D-4C4BEDB608C8}"/>
              </a:ext>
            </a:extLst>
          </p:cNvPr>
          <p:cNvSpPr>
            <a:spLocks noGrp="1"/>
          </p:cNvSpPr>
          <p:nvPr>
            <p:ph sz="quarter" idx="23"/>
          </p:nvPr>
        </p:nvSpPr>
        <p:spPr/>
        <p:txBody>
          <a:bodyPr/>
          <a:lstStyle/>
          <a:p>
            <a:endParaRPr lang="en-US" dirty="0"/>
          </a:p>
        </p:txBody>
      </p:sp>
      <p:sp>
        <p:nvSpPr>
          <p:cNvPr id="21" name="Rectangle 20">
            <a:extLst>
              <a:ext uri="{FF2B5EF4-FFF2-40B4-BE49-F238E27FC236}">
                <a16:creationId xmlns:a16="http://schemas.microsoft.com/office/drawing/2014/main" id="{AC0BB921-61B1-4E03-A9C2-70BF31905820}"/>
              </a:ext>
            </a:extLst>
          </p:cNvPr>
          <p:cNvSpPr/>
          <p:nvPr/>
        </p:nvSpPr>
        <p:spPr>
          <a:xfrm>
            <a:off x="1" y="-1"/>
            <a:ext cx="12192000" cy="7415213"/>
          </a:xfrm>
          <a:prstGeom prst="rect">
            <a:avLst/>
          </a:prstGeom>
          <a:gradFill flip="none" rotWithShape="1">
            <a:gsLst>
              <a:gs pos="0">
                <a:schemeClr val="accent1"/>
              </a:gs>
              <a:gs pos="68000">
                <a:schemeClr val="accent2">
                  <a:alpha val="0"/>
                </a:schemeClr>
              </a:gs>
            </a:gsLst>
            <a:lin ang="30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22" name="Picture 21" descr="Graphical user interface, application&#10;&#10;Description automatically generated">
            <a:extLst>
              <a:ext uri="{FF2B5EF4-FFF2-40B4-BE49-F238E27FC236}">
                <a16:creationId xmlns:a16="http://schemas.microsoft.com/office/drawing/2014/main" id="{229EC658-E322-4A56-8602-36918BA95517}"/>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65939" y="1491613"/>
            <a:ext cx="5609153" cy="4513079"/>
          </a:xfrm>
          <a:prstGeom prst="rect">
            <a:avLst/>
          </a:prstGeom>
        </p:spPr>
      </p:pic>
      <p:sp>
        <p:nvSpPr>
          <p:cNvPr id="23" name="Title 2">
            <a:extLst>
              <a:ext uri="{FF2B5EF4-FFF2-40B4-BE49-F238E27FC236}">
                <a16:creationId xmlns:a16="http://schemas.microsoft.com/office/drawing/2014/main" id="{65DFACC6-69E7-4CB4-95A1-2A45434462BE}"/>
              </a:ext>
            </a:extLst>
          </p:cNvPr>
          <p:cNvSpPr txBox="1">
            <a:spLocks/>
          </p:cNvSpPr>
          <p:nvPr/>
        </p:nvSpPr>
        <p:spPr>
          <a:xfrm>
            <a:off x="444500" y="579437"/>
            <a:ext cx="7563071" cy="925513"/>
          </a:xfrm>
          <a:prstGeom prst="rect">
            <a:avLst/>
          </a:prstGeom>
        </p:spPr>
        <p:txBody>
          <a:bodyPr/>
          <a:lstStyle>
            <a:lvl1pPr marL="0" algn="l" defTabSz="914400" rtl="0" eaLnBrk="1" latinLnBrk="0" hangingPunct="1">
              <a:lnSpc>
                <a:spcPct val="100000"/>
              </a:lnSpc>
              <a:spcBef>
                <a:spcPct val="0"/>
              </a:spcBef>
              <a:spcAft>
                <a:spcPts val="0"/>
              </a:spcAft>
              <a:buNone/>
              <a:defRPr sz="4000" b="0" kern="1200">
                <a:solidFill>
                  <a:schemeClr val="accent1"/>
                </a:solidFill>
                <a:latin typeface="+mj-lt"/>
                <a:ea typeface="Open Sans Light" panose="020B0604020202020204" charset="0"/>
                <a:cs typeface="Open Sans Light" panose="020B0604020202020204" charset="0"/>
              </a:defRPr>
            </a:lvl1pPr>
          </a:lstStyle>
          <a:p>
            <a:r>
              <a:rPr lang="en-GB" dirty="0">
                <a:solidFill>
                  <a:schemeClr val="bg1"/>
                </a:solidFill>
              </a:rPr>
              <a:t>Katowice Smart City</a:t>
            </a:r>
          </a:p>
        </p:txBody>
      </p:sp>
    </p:spTree>
    <p:custDataLst>
      <p:tags r:id="rId1"/>
    </p:custDataLst>
    <p:extLst>
      <p:ext uri="{BB962C8B-B14F-4D97-AF65-F5344CB8AC3E}">
        <p14:creationId xmlns:p14="http://schemas.microsoft.com/office/powerpoint/2010/main" val="383028300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red bus on the street&#10;&#10;Description automatically generated with low confidence">
            <a:extLst>
              <a:ext uri="{FF2B5EF4-FFF2-40B4-BE49-F238E27FC236}">
                <a16:creationId xmlns:a16="http://schemas.microsoft.com/office/drawing/2014/main" id="{81E0B164-A652-4A49-972F-CFFFC1FE500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096000" y="-114300"/>
            <a:ext cx="8965568" cy="6972300"/>
          </a:xfrm>
          <a:prstGeom prst="rect">
            <a:avLst/>
          </a:prstGeom>
        </p:spPr>
      </p:pic>
      <p:sp>
        <p:nvSpPr>
          <p:cNvPr id="4" name="Rectangle 3">
            <a:extLst>
              <a:ext uri="{FF2B5EF4-FFF2-40B4-BE49-F238E27FC236}">
                <a16:creationId xmlns:a16="http://schemas.microsoft.com/office/drawing/2014/main" id="{376A9E58-7A88-BC4B-8E32-8DE18A626D20}"/>
              </a:ext>
            </a:extLst>
          </p:cNvPr>
          <p:cNvSpPr/>
          <p:nvPr/>
        </p:nvSpPr>
        <p:spPr>
          <a:xfrm>
            <a:off x="271463" y="1925003"/>
            <a:ext cx="5824537" cy="3816429"/>
          </a:xfrm>
          <a:prstGeom prst="rect">
            <a:avLst/>
          </a:prstGeom>
        </p:spPr>
        <p:txBody>
          <a:bodyPr wrap="square" lIns="91440" tIns="45720" rIns="91440" bIns="45720" anchor="t">
            <a:spAutoFit/>
          </a:bodyPr>
          <a:lstStyle/>
          <a:p>
            <a:r>
              <a:rPr lang="cs-CZ" sz="2000" dirty="0">
                <a:solidFill>
                  <a:schemeClr val="accent3"/>
                </a:solidFill>
                <a:latin typeface="+mj-lt"/>
              </a:rPr>
              <a:t>Výzva</a:t>
            </a:r>
            <a:r>
              <a:rPr lang="en-GB" sz="2000" dirty="0">
                <a:solidFill>
                  <a:schemeClr val="accent3"/>
                </a:solidFill>
                <a:latin typeface="+mj-lt"/>
              </a:rPr>
              <a:t>: </a:t>
            </a:r>
          </a:p>
          <a:p>
            <a:pPr marL="342900" indent="-342900">
              <a:buFont typeface="Arial" panose="020B0604020202020204" pitchFamily="34" charset="0"/>
              <a:buChar char="•"/>
            </a:pPr>
            <a:r>
              <a:rPr lang="en-GB" dirty="0" err="1">
                <a:solidFill>
                  <a:schemeClr val="bg1"/>
                </a:solidFill>
                <a:latin typeface="+mj-lt"/>
              </a:rPr>
              <a:t>Pomozte</a:t>
            </a:r>
            <a:r>
              <a:rPr lang="en-GB" dirty="0">
                <a:solidFill>
                  <a:schemeClr val="bg1"/>
                </a:solidFill>
                <a:latin typeface="+mj-lt"/>
              </a:rPr>
              <a:t> </a:t>
            </a:r>
            <a:r>
              <a:rPr lang="en-GB" dirty="0" err="1">
                <a:solidFill>
                  <a:schemeClr val="bg1"/>
                </a:solidFill>
                <a:latin typeface="+mj-lt"/>
              </a:rPr>
              <a:t>škálovat</a:t>
            </a:r>
            <a:r>
              <a:rPr lang="en-GB" dirty="0">
                <a:solidFill>
                  <a:schemeClr val="bg1"/>
                </a:solidFill>
                <a:latin typeface="+mj-lt"/>
              </a:rPr>
              <a:t> </a:t>
            </a:r>
            <a:r>
              <a:rPr lang="en-GB" dirty="0" err="1">
                <a:solidFill>
                  <a:schemeClr val="bg1"/>
                </a:solidFill>
                <a:latin typeface="+mj-lt"/>
              </a:rPr>
              <a:t>operace</a:t>
            </a:r>
            <a:r>
              <a:rPr lang="en-GB" dirty="0">
                <a:solidFill>
                  <a:schemeClr val="bg1"/>
                </a:solidFill>
                <a:latin typeface="+mj-lt"/>
              </a:rPr>
              <a:t>, </a:t>
            </a:r>
            <a:r>
              <a:rPr lang="en-GB" dirty="0" err="1">
                <a:solidFill>
                  <a:schemeClr val="bg1"/>
                </a:solidFill>
                <a:latin typeface="+mj-lt"/>
              </a:rPr>
              <a:t>přidejte</a:t>
            </a:r>
            <a:r>
              <a:rPr lang="en-GB" dirty="0">
                <a:solidFill>
                  <a:schemeClr val="bg1"/>
                </a:solidFill>
                <a:latin typeface="+mj-lt"/>
              </a:rPr>
              <a:t> AI</a:t>
            </a:r>
          </a:p>
          <a:p>
            <a:endParaRPr lang="bg-BG" dirty="0">
              <a:solidFill>
                <a:schemeClr val="bg1"/>
              </a:solidFill>
              <a:latin typeface="+mj-lt"/>
            </a:endParaRPr>
          </a:p>
          <a:p>
            <a:r>
              <a:rPr lang="en-GB" sz="2000" dirty="0" err="1">
                <a:solidFill>
                  <a:schemeClr val="accent3"/>
                </a:solidFill>
                <a:latin typeface="+mj-lt"/>
              </a:rPr>
              <a:t>VIze</a:t>
            </a:r>
            <a:r>
              <a:rPr lang="en-GB" sz="2000" dirty="0">
                <a:solidFill>
                  <a:schemeClr val="accent3"/>
                </a:solidFill>
                <a:latin typeface="+mj-lt"/>
              </a:rPr>
              <a:t>:</a:t>
            </a:r>
          </a:p>
          <a:p>
            <a:pPr marL="342900" indent="-342900">
              <a:buFont typeface="Arial" panose="020B0604020202020204" pitchFamily="34" charset="0"/>
              <a:buChar char="•"/>
            </a:pPr>
            <a:r>
              <a:rPr lang="en-GB" dirty="0" err="1">
                <a:solidFill>
                  <a:schemeClr val="bg1"/>
                </a:solidFill>
                <a:latin typeface="+mj-lt"/>
              </a:rPr>
              <a:t>Budovat</a:t>
            </a:r>
            <a:r>
              <a:rPr lang="en-GB" dirty="0">
                <a:solidFill>
                  <a:schemeClr val="bg1"/>
                </a:solidFill>
                <a:latin typeface="+mj-lt"/>
              </a:rPr>
              <a:t> </a:t>
            </a:r>
            <a:r>
              <a:rPr lang="en-GB" dirty="0" err="1">
                <a:solidFill>
                  <a:schemeClr val="bg1"/>
                </a:solidFill>
                <a:latin typeface="+mj-lt"/>
              </a:rPr>
              <a:t>celý</a:t>
            </a:r>
            <a:r>
              <a:rPr lang="en-GB" dirty="0">
                <a:solidFill>
                  <a:schemeClr val="bg1"/>
                </a:solidFill>
                <a:latin typeface="+mj-lt"/>
              </a:rPr>
              <a:t> system </a:t>
            </a:r>
            <a:r>
              <a:rPr lang="en-GB" dirty="0" err="1">
                <a:solidFill>
                  <a:schemeClr val="bg1"/>
                </a:solidFill>
                <a:latin typeface="+mj-lt"/>
              </a:rPr>
              <a:t>jako</a:t>
            </a:r>
            <a:r>
              <a:rPr lang="en-GB" dirty="0">
                <a:solidFill>
                  <a:schemeClr val="bg1"/>
                </a:solidFill>
                <a:latin typeface="+mj-lt"/>
              </a:rPr>
              <a:t> Smart City</a:t>
            </a:r>
          </a:p>
          <a:p>
            <a:endParaRPr lang="en-GB" sz="2000" dirty="0">
              <a:solidFill>
                <a:schemeClr val="accent3"/>
              </a:solidFill>
              <a:latin typeface="+mj-lt"/>
            </a:endParaRPr>
          </a:p>
          <a:p>
            <a:r>
              <a:rPr lang="en-GB" sz="2000" dirty="0" err="1">
                <a:solidFill>
                  <a:schemeClr val="accent3"/>
                </a:solidFill>
                <a:latin typeface="+mj-lt"/>
              </a:rPr>
              <a:t>Řešení</a:t>
            </a:r>
            <a:r>
              <a:rPr lang="en-GB" sz="2000" dirty="0">
                <a:solidFill>
                  <a:schemeClr val="accent3"/>
                </a:solidFill>
                <a:latin typeface="+mj-lt"/>
              </a:rPr>
              <a:t>:</a:t>
            </a:r>
          </a:p>
          <a:p>
            <a:pPr marL="342900" indent="-342900">
              <a:buFont typeface="Arial" panose="020B0604020202020204" pitchFamily="34" charset="0"/>
              <a:buChar char="•"/>
            </a:pPr>
            <a:r>
              <a:rPr lang="en-GB" dirty="0" err="1">
                <a:solidFill>
                  <a:schemeClr val="bg1"/>
                </a:solidFill>
                <a:latin typeface="+mj-lt"/>
              </a:rPr>
              <a:t>Datové</a:t>
            </a:r>
            <a:r>
              <a:rPr lang="en-GB" dirty="0">
                <a:solidFill>
                  <a:schemeClr val="bg1"/>
                </a:solidFill>
                <a:latin typeface="+mj-lt"/>
              </a:rPr>
              <a:t> centrum 21. </a:t>
            </a:r>
            <a:r>
              <a:rPr lang="en-GB" dirty="0" err="1">
                <a:solidFill>
                  <a:schemeClr val="bg1"/>
                </a:solidFill>
                <a:latin typeface="+mj-lt"/>
              </a:rPr>
              <a:t>století</a:t>
            </a:r>
            <a:endParaRPr lang="en-GB" dirty="0">
              <a:solidFill>
                <a:schemeClr val="bg1"/>
              </a:solidFill>
              <a:latin typeface="+mj-lt"/>
            </a:endParaRPr>
          </a:p>
          <a:p>
            <a:pPr marL="342900" indent="-342900">
              <a:buFont typeface="Arial" panose="020B0604020202020204" pitchFamily="34" charset="0"/>
              <a:buChar char="•"/>
            </a:pPr>
            <a:endParaRPr lang="en-US" dirty="0">
              <a:solidFill>
                <a:schemeClr val="bg1"/>
              </a:solidFill>
              <a:latin typeface="+mj-lt"/>
            </a:endParaRPr>
          </a:p>
          <a:p>
            <a:r>
              <a:rPr lang="en-GB" sz="2000" dirty="0" err="1">
                <a:solidFill>
                  <a:schemeClr val="accent3"/>
                </a:solidFill>
                <a:latin typeface="+mj-lt"/>
              </a:rPr>
              <a:t>Výsledek</a:t>
            </a:r>
            <a:r>
              <a:rPr lang="en-GB" sz="2000" dirty="0">
                <a:solidFill>
                  <a:schemeClr val="accent3"/>
                </a:solidFill>
                <a:latin typeface="+mj-lt"/>
              </a:rPr>
              <a:t>:</a:t>
            </a:r>
          </a:p>
          <a:p>
            <a:pPr marL="342900" indent="-342900">
              <a:buFont typeface="Arial" panose="020B0604020202020204" pitchFamily="34" charset="0"/>
              <a:buChar char="•"/>
            </a:pPr>
            <a:r>
              <a:rPr lang="en-GB" dirty="0">
                <a:solidFill>
                  <a:schemeClr val="bg1"/>
                </a:solidFill>
                <a:latin typeface="+mj-lt"/>
              </a:rPr>
              <a:t>70% </a:t>
            </a:r>
            <a:r>
              <a:rPr lang="en-GB" dirty="0" err="1">
                <a:solidFill>
                  <a:schemeClr val="bg1"/>
                </a:solidFill>
                <a:latin typeface="+mj-lt"/>
              </a:rPr>
              <a:t>pokles</a:t>
            </a:r>
            <a:r>
              <a:rPr lang="en-GB" dirty="0">
                <a:solidFill>
                  <a:schemeClr val="bg1"/>
                </a:solidFill>
                <a:latin typeface="+mj-lt"/>
              </a:rPr>
              <a:t> </a:t>
            </a:r>
            <a:r>
              <a:rPr lang="en-GB" dirty="0" err="1">
                <a:solidFill>
                  <a:schemeClr val="bg1"/>
                </a:solidFill>
                <a:latin typeface="+mj-lt"/>
              </a:rPr>
              <a:t>kriminality</a:t>
            </a:r>
            <a:r>
              <a:rPr lang="en-GB" dirty="0">
                <a:solidFill>
                  <a:schemeClr val="bg1"/>
                </a:solidFill>
                <a:latin typeface="+mj-lt"/>
              </a:rPr>
              <a:t>, </a:t>
            </a:r>
            <a:r>
              <a:rPr lang="en-GB" dirty="0" err="1">
                <a:solidFill>
                  <a:schemeClr val="bg1"/>
                </a:solidFill>
                <a:latin typeface="+mj-lt"/>
              </a:rPr>
              <a:t>nové</a:t>
            </a:r>
            <a:r>
              <a:rPr lang="en-GB" dirty="0">
                <a:solidFill>
                  <a:schemeClr val="bg1"/>
                </a:solidFill>
                <a:latin typeface="+mj-lt"/>
              </a:rPr>
              <a:t>, </a:t>
            </a:r>
            <a:r>
              <a:rPr lang="en-GB" dirty="0" err="1">
                <a:solidFill>
                  <a:schemeClr val="bg1"/>
                </a:solidFill>
                <a:latin typeface="+mj-lt"/>
              </a:rPr>
              <a:t>lepší</a:t>
            </a:r>
            <a:r>
              <a:rPr lang="en-GB" dirty="0">
                <a:solidFill>
                  <a:schemeClr val="bg1"/>
                </a:solidFill>
                <a:latin typeface="+mj-lt"/>
              </a:rPr>
              <a:t> </a:t>
            </a:r>
            <a:r>
              <a:rPr lang="en-GB" dirty="0" err="1">
                <a:solidFill>
                  <a:schemeClr val="bg1"/>
                </a:solidFill>
                <a:latin typeface="+mj-lt"/>
              </a:rPr>
              <a:t>prostředí</a:t>
            </a:r>
            <a:r>
              <a:rPr lang="en-GB" dirty="0">
                <a:solidFill>
                  <a:schemeClr val="bg1"/>
                </a:solidFill>
                <a:latin typeface="+mj-lt"/>
              </a:rPr>
              <a:t> pro </a:t>
            </a:r>
            <a:r>
              <a:rPr lang="en-GB" dirty="0" err="1">
                <a:solidFill>
                  <a:schemeClr val="bg1"/>
                </a:solidFill>
                <a:latin typeface="+mj-lt"/>
              </a:rPr>
              <a:t>obyvatele</a:t>
            </a:r>
            <a:endParaRPr lang="en-GB" sz="1600" dirty="0">
              <a:solidFill>
                <a:schemeClr val="bg1"/>
              </a:solidFill>
              <a:latin typeface="+mj-lt"/>
            </a:endParaRPr>
          </a:p>
          <a:p>
            <a:pPr marL="285750" indent="-285750">
              <a:buFont typeface="Arial" panose="020B0604020202020204" pitchFamily="34" charset="0"/>
              <a:buChar char="•"/>
            </a:pPr>
            <a:endParaRPr lang="en-GB" sz="1600" dirty="0">
              <a:solidFill>
                <a:schemeClr val="bg1"/>
              </a:solidFill>
              <a:latin typeface="+mj-lt"/>
            </a:endParaRPr>
          </a:p>
        </p:txBody>
      </p:sp>
      <p:sp>
        <p:nvSpPr>
          <p:cNvPr id="14" name="Text Placeholder 6">
            <a:extLst>
              <a:ext uri="{FF2B5EF4-FFF2-40B4-BE49-F238E27FC236}">
                <a16:creationId xmlns:a16="http://schemas.microsoft.com/office/drawing/2014/main" id="{D9EE37D2-7FFB-E341-AFBC-7C33231F7DF0}"/>
              </a:ext>
            </a:extLst>
          </p:cNvPr>
          <p:cNvSpPr>
            <a:spLocks noGrp="1"/>
          </p:cNvSpPr>
          <p:nvPr/>
        </p:nvSpPr>
        <p:spPr>
          <a:xfrm>
            <a:off x="457200" y="6400800"/>
            <a:ext cx="1152000" cy="234000"/>
          </a:xfrm>
          <a:prstGeom prst="rect">
            <a:avLst/>
          </a:prstGeom>
          <a:blipFill>
            <a:blip r:embed="rId5"/>
            <a:stretch>
              <a:fillRect/>
            </a:stretch>
          </a:blipFill>
        </p:spPr>
        <p:txBody>
          <a:bodyPr vert="horz" lIns="0" tIns="0" rIns="0" bIns="0" rtlCol="0">
            <a:normAutofit/>
          </a:bodyPr>
          <a:lstStyle>
            <a:lvl1pPr marL="0" indent="0" algn="l" defTabSz="914400" rtl="0" eaLnBrk="1" latinLnBrk="0" hangingPunct="1">
              <a:lnSpc>
                <a:spcPct val="100000"/>
              </a:lnSpc>
              <a:spcBef>
                <a:spcPts val="600"/>
              </a:spcBef>
              <a:spcAft>
                <a:spcPts val="0"/>
              </a:spcAft>
              <a:buFont typeface="Arial" panose="020B0604020202020204" pitchFamily="34" charset="0"/>
              <a:buNone/>
              <a:defRPr sz="100" kern="1200">
                <a:noFill/>
                <a:latin typeface="+mn-lt"/>
                <a:ea typeface="Open Sans" panose="020B0606030504020204" pitchFamily="34" charset="0"/>
                <a:cs typeface="Open Sans" panose="020B0606030504020204" pitchFamily="34" charset="0"/>
              </a:defRPr>
            </a:lvl1pPr>
            <a:lvl2pPr marL="274320" indent="-182880" algn="l" defTabSz="914400" rtl="0" eaLnBrk="1" latinLnBrk="0" hangingPunct="1">
              <a:lnSpc>
                <a:spcPct val="90000"/>
              </a:lnSpc>
              <a:spcBef>
                <a:spcPts val="400"/>
              </a:spcBef>
              <a:buFont typeface="Arial" panose="020B0604020202020204" pitchFamily="34" charset="0"/>
              <a:buChar char="•"/>
              <a:defRPr sz="100" kern="1200">
                <a:solidFill>
                  <a:schemeClr val="tx1"/>
                </a:solidFill>
                <a:latin typeface="+mn-lt"/>
                <a:ea typeface="Open Sans" panose="020B0606030504020204" pitchFamily="34" charset="0"/>
                <a:cs typeface="Open Sans" panose="020B0606030504020204" pitchFamily="34" charset="0"/>
              </a:defRPr>
            </a:lvl2pPr>
            <a:lvl3pPr marL="457200" indent="-182880" algn="l" defTabSz="914400" rtl="0" eaLnBrk="1" latinLnBrk="0" hangingPunct="1">
              <a:lnSpc>
                <a:spcPct val="90000"/>
              </a:lnSpc>
              <a:spcBef>
                <a:spcPts val="400"/>
              </a:spcBef>
              <a:spcAft>
                <a:spcPts val="0"/>
              </a:spcAft>
              <a:buFont typeface="Open Sans" panose="020B0604020202020204" charset="0"/>
              <a:buChar char="-"/>
              <a:defRPr lang="en-US" sz="100" kern="1200" noProof="0">
                <a:solidFill>
                  <a:schemeClr val="tx1"/>
                </a:solidFill>
                <a:latin typeface="+mn-lt"/>
                <a:ea typeface="Open Sans" panose="020B0606030504020204" pitchFamily="34" charset="0"/>
                <a:cs typeface="Open Sans" panose="020B0606030504020204" pitchFamily="34" charset="0"/>
              </a:defRPr>
            </a:lvl3pPr>
            <a:lvl4pPr marL="640080" indent="-137160" algn="l" defTabSz="914400" rtl="0" eaLnBrk="1" latinLnBrk="0" hangingPunct="1">
              <a:lnSpc>
                <a:spcPct val="90000"/>
              </a:lnSpc>
              <a:spcBef>
                <a:spcPts val="400"/>
              </a:spcBef>
              <a:spcAft>
                <a:spcPts val="600"/>
              </a:spcAft>
              <a:buFont typeface="Open Sans" panose="020B0604020202020204" charset="0"/>
              <a:buChar char="∙"/>
              <a:defRPr sz="100" kern="1200" baseline="0">
                <a:solidFill>
                  <a:schemeClr val="tx1"/>
                </a:solidFill>
                <a:latin typeface="+mn-lt"/>
                <a:ea typeface="Open Sans" panose="020B0606030504020204" pitchFamily="34" charset="0"/>
                <a:cs typeface="Open Sans" panose="020B0606030504020204" pitchFamily="34" charset="0"/>
              </a:defRPr>
            </a:lvl4pPr>
            <a:lvl5pPr marL="594360" indent="-182880" algn="l" defTabSz="914400" rtl="0" eaLnBrk="1" latinLnBrk="0" hangingPunct="1">
              <a:lnSpc>
                <a:spcPct val="90000"/>
              </a:lnSpc>
              <a:spcBef>
                <a:spcPts val="400"/>
              </a:spcBef>
              <a:spcAft>
                <a:spcPts val="0"/>
              </a:spcAft>
              <a:buFont typeface="Arial" panose="020B0604020202020204" pitchFamily="34" charset="0"/>
              <a:buChar char="•"/>
              <a:defRPr sz="100" kern="1200">
                <a:solidFill>
                  <a:schemeClr val="tx1"/>
                </a:solidFill>
                <a:latin typeface="+mn-lt"/>
                <a:ea typeface="Open Sans" panose="020B0606030504020204" pitchFamily="34" charset="0"/>
                <a:cs typeface="Open Sans" panose="020B0606030504020204" pitchFamily="34" charset="0"/>
              </a:defRPr>
            </a:lvl5pPr>
            <a:lvl6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a:solidFill>
                  <a:schemeClr val="tx1"/>
                </a:solidFill>
                <a:latin typeface="+mn-lt"/>
                <a:ea typeface="Open Sans" panose="020B0606030504020204" pitchFamily="34" charset="0"/>
                <a:cs typeface="Open Sans" panose="020B0606030504020204" pitchFamily="34" charset="0"/>
              </a:defRPr>
            </a:lvl6pPr>
            <a:lvl7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baseline="0">
                <a:solidFill>
                  <a:schemeClr val="tx1"/>
                </a:solidFill>
                <a:latin typeface="+mn-lt"/>
                <a:ea typeface="Open Sans" panose="020B0606030504020204" pitchFamily="34" charset="0"/>
                <a:cs typeface="Open Sans" panose="020B0606030504020204" pitchFamily="34" charset="0"/>
              </a:defRPr>
            </a:lvl7pPr>
            <a:lvl8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a:solidFill>
                  <a:schemeClr val="tx1"/>
                </a:solidFill>
                <a:latin typeface="+mn-lt"/>
                <a:ea typeface="Open Sans" panose="020B0606030504020204" pitchFamily="34" charset="0"/>
                <a:cs typeface="Open Sans" panose="020B0606030504020204" pitchFamily="34" charset="0"/>
              </a:defRPr>
            </a:lvl8pPr>
            <a:lvl9pPr marL="594360" indent="-182880" algn="l" defTabSz="914400" rtl="0" eaLnBrk="1" latinLnBrk="0" hangingPunct="1">
              <a:lnSpc>
                <a:spcPct val="90000"/>
              </a:lnSpc>
              <a:spcBef>
                <a:spcPts val="400"/>
              </a:spcBef>
              <a:spcAft>
                <a:spcPts val="0"/>
              </a:spcAft>
              <a:buFont typeface="Arial" panose="020B0604020202020204" pitchFamily="34" charset="0"/>
              <a:buChar char="•"/>
              <a:defRPr sz="1800" kern="1200" baseline="0">
                <a:solidFill>
                  <a:schemeClr val="tx1"/>
                </a:solidFill>
                <a:latin typeface="+mn-lt"/>
                <a:ea typeface="Open Sans" panose="020B0606030504020204" pitchFamily="34" charset="0"/>
                <a:cs typeface="Open Sans" panose="020B0606030504020204" pitchFamily="34" charset="0"/>
              </a:defRPr>
            </a:lvl9pPr>
          </a:lstStyle>
          <a:p>
            <a:endParaRPr lang="en-BG"/>
          </a:p>
        </p:txBody>
      </p:sp>
      <p:pic>
        <p:nvPicPr>
          <p:cNvPr id="5" name="Picture 4" descr="A picture containing icon&#10;&#10;Description automatically generated">
            <a:extLst>
              <a:ext uri="{FF2B5EF4-FFF2-40B4-BE49-F238E27FC236}">
                <a16:creationId xmlns:a16="http://schemas.microsoft.com/office/drawing/2014/main" id="{78F3D75C-0F3A-2449-B9C0-85EF807DCBFB}"/>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911500" y="6429932"/>
            <a:ext cx="1490158" cy="286808"/>
          </a:xfrm>
          <a:prstGeom prst="rect">
            <a:avLst/>
          </a:prstGeom>
        </p:spPr>
      </p:pic>
      <p:sp>
        <p:nvSpPr>
          <p:cNvPr id="6" name="Title 2">
            <a:extLst>
              <a:ext uri="{FF2B5EF4-FFF2-40B4-BE49-F238E27FC236}">
                <a16:creationId xmlns:a16="http://schemas.microsoft.com/office/drawing/2014/main" id="{C64C0FE8-9380-40E8-8418-012946908647}"/>
              </a:ext>
            </a:extLst>
          </p:cNvPr>
          <p:cNvSpPr txBox="1">
            <a:spLocks/>
          </p:cNvSpPr>
          <p:nvPr/>
        </p:nvSpPr>
        <p:spPr>
          <a:xfrm>
            <a:off x="444500" y="579437"/>
            <a:ext cx="7563071" cy="925513"/>
          </a:xfrm>
          <a:prstGeom prst="rect">
            <a:avLst/>
          </a:prstGeom>
        </p:spPr>
        <p:txBody>
          <a:bodyPr/>
          <a:lstStyle>
            <a:lvl1pPr marL="0" algn="l" defTabSz="914400" rtl="0" eaLnBrk="1" latinLnBrk="0" hangingPunct="1">
              <a:lnSpc>
                <a:spcPct val="100000"/>
              </a:lnSpc>
              <a:spcBef>
                <a:spcPct val="0"/>
              </a:spcBef>
              <a:spcAft>
                <a:spcPts val="0"/>
              </a:spcAft>
              <a:buNone/>
              <a:defRPr sz="4000" b="0" kern="1200">
                <a:solidFill>
                  <a:schemeClr val="accent1"/>
                </a:solidFill>
                <a:latin typeface="+mj-lt"/>
                <a:ea typeface="Open Sans Light" panose="020B0604020202020204" charset="0"/>
                <a:cs typeface="Open Sans Light" panose="020B0604020202020204" charset="0"/>
              </a:defRPr>
            </a:lvl1pPr>
          </a:lstStyle>
          <a:p>
            <a:r>
              <a:rPr lang="en-GB" dirty="0">
                <a:solidFill>
                  <a:schemeClr val="bg1"/>
                </a:solidFill>
              </a:rPr>
              <a:t>Katowice Smart City</a:t>
            </a:r>
          </a:p>
        </p:txBody>
      </p:sp>
    </p:spTree>
    <p:custDataLst>
      <p:tags r:id="rId1"/>
    </p:custDataLst>
    <p:extLst>
      <p:ext uri="{BB962C8B-B14F-4D97-AF65-F5344CB8AC3E}">
        <p14:creationId xmlns:p14="http://schemas.microsoft.com/office/powerpoint/2010/main" val="246710451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ymbol zastępczy tekstu 1">
            <a:extLst>
              <a:ext uri="{FF2B5EF4-FFF2-40B4-BE49-F238E27FC236}">
                <a16:creationId xmlns:a16="http://schemas.microsoft.com/office/drawing/2014/main" id="{88E6CCBF-95F6-8B43-BE41-0F8244569199}"/>
              </a:ext>
            </a:extLst>
          </p:cNvPr>
          <p:cNvSpPr>
            <a:spLocks noGrp="1"/>
          </p:cNvSpPr>
          <p:nvPr>
            <p:ph type="body" sz="quarter" idx="13"/>
          </p:nvPr>
        </p:nvSpPr>
        <p:spPr/>
        <p:txBody>
          <a:bodyPr/>
          <a:lstStyle/>
          <a:p>
            <a:endParaRPr lang="pl-PL"/>
          </a:p>
        </p:txBody>
      </p:sp>
      <p:sp>
        <p:nvSpPr>
          <p:cNvPr id="3" name="Symbol zastępczy tekstu 2">
            <a:extLst>
              <a:ext uri="{FF2B5EF4-FFF2-40B4-BE49-F238E27FC236}">
                <a16:creationId xmlns:a16="http://schemas.microsoft.com/office/drawing/2014/main" id="{BD739E47-889C-B243-8C72-A4E418CDC2C2}"/>
              </a:ext>
            </a:extLst>
          </p:cNvPr>
          <p:cNvSpPr>
            <a:spLocks noGrp="1"/>
          </p:cNvSpPr>
          <p:nvPr>
            <p:ph type="body" sz="quarter" idx="15"/>
          </p:nvPr>
        </p:nvSpPr>
        <p:spPr/>
        <p:txBody>
          <a:bodyPr/>
          <a:lstStyle/>
          <a:p>
            <a:endParaRPr lang="pl-PL"/>
          </a:p>
        </p:txBody>
      </p:sp>
      <p:sp>
        <p:nvSpPr>
          <p:cNvPr id="4" name="Symbol zastępczy tekstu 3">
            <a:extLst>
              <a:ext uri="{FF2B5EF4-FFF2-40B4-BE49-F238E27FC236}">
                <a16:creationId xmlns:a16="http://schemas.microsoft.com/office/drawing/2014/main" id="{62C37A78-B819-3846-8E41-DD319E6DFA6A}"/>
              </a:ext>
            </a:extLst>
          </p:cNvPr>
          <p:cNvSpPr>
            <a:spLocks noGrp="1"/>
          </p:cNvSpPr>
          <p:nvPr>
            <p:ph type="body" sz="quarter" idx="23"/>
          </p:nvPr>
        </p:nvSpPr>
        <p:spPr/>
        <p:txBody>
          <a:bodyPr/>
          <a:lstStyle/>
          <a:p>
            <a:endParaRPr lang="pl-PL"/>
          </a:p>
        </p:txBody>
      </p:sp>
      <p:pic>
        <p:nvPicPr>
          <p:cNvPr id="8" name="Obraz 7">
            <a:extLst>
              <a:ext uri="{FF2B5EF4-FFF2-40B4-BE49-F238E27FC236}">
                <a16:creationId xmlns:a16="http://schemas.microsoft.com/office/drawing/2014/main" id="{539AE14F-2545-154A-83E0-9617241C622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8841" y="0"/>
            <a:ext cx="12192000" cy="6858000"/>
          </a:xfrm>
          <a:prstGeom prst="rect">
            <a:avLst/>
          </a:prstGeom>
        </p:spPr>
      </p:pic>
      <p:sp>
        <p:nvSpPr>
          <p:cNvPr id="6" name="Rectangle 5">
            <a:extLst>
              <a:ext uri="{FF2B5EF4-FFF2-40B4-BE49-F238E27FC236}">
                <a16:creationId xmlns:a16="http://schemas.microsoft.com/office/drawing/2014/main" id="{DD36F2F8-CA63-894D-B4B6-0F04E85E5F2F}"/>
              </a:ext>
            </a:extLst>
          </p:cNvPr>
          <p:cNvSpPr/>
          <p:nvPr/>
        </p:nvSpPr>
        <p:spPr>
          <a:xfrm>
            <a:off x="457200" y="1676400"/>
            <a:ext cx="3429000" cy="457200"/>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BG" sz="2000" noProof="0" dirty="0" err="1"/>
          </a:p>
        </p:txBody>
      </p:sp>
      <p:sp>
        <p:nvSpPr>
          <p:cNvPr id="5" name="TextBox 4">
            <a:extLst>
              <a:ext uri="{FF2B5EF4-FFF2-40B4-BE49-F238E27FC236}">
                <a16:creationId xmlns:a16="http://schemas.microsoft.com/office/drawing/2014/main" id="{00E18E28-5070-254B-8919-054E12983EC3}"/>
              </a:ext>
            </a:extLst>
          </p:cNvPr>
          <p:cNvSpPr txBox="1"/>
          <p:nvPr/>
        </p:nvSpPr>
        <p:spPr>
          <a:xfrm>
            <a:off x="1143000" y="1752530"/>
            <a:ext cx="3200400" cy="307777"/>
          </a:xfrm>
          <a:prstGeom prst="rect">
            <a:avLst/>
          </a:prstGeom>
          <a:noFill/>
        </p:spPr>
        <p:txBody>
          <a:bodyPr wrap="square" lIns="0" tIns="0" rIns="0" bIns="0" rtlCol="0">
            <a:spAutoFit/>
          </a:bodyPr>
          <a:lstStyle/>
          <a:p>
            <a:r>
              <a:rPr lang="en-GB" sz="2000" dirty="0" err="1"/>
              <a:t>Obecná</a:t>
            </a:r>
            <a:r>
              <a:rPr lang="en-GB" sz="2000" dirty="0"/>
              <a:t> </a:t>
            </a:r>
            <a:r>
              <a:rPr lang="en-GB" sz="2000" dirty="0" err="1"/>
              <a:t>kriminalita</a:t>
            </a:r>
            <a:endParaRPr lang="en-BG" sz="2000" dirty="0"/>
          </a:p>
        </p:txBody>
      </p:sp>
      <p:sp>
        <p:nvSpPr>
          <p:cNvPr id="9" name="Rectangle 8">
            <a:extLst>
              <a:ext uri="{FF2B5EF4-FFF2-40B4-BE49-F238E27FC236}">
                <a16:creationId xmlns:a16="http://schemas.microsoft.com/office/drawing/2014/main" id="{6F3C3278-34B7-9342-BBA3-B5D555B0536F}"/>
              </a:ext>
            </a:extLst>
          </p:cNvPr>
          <p:cNvSpPr/>
          <p:nvPr/>
        </p:nvSpPr>
        <p:spPr>
          <a:xfrm>
            <a:off x="4099749" y="1676400"/>
            <a:ext cx="3429000" cy="457200"/>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BG" sz="2000" noProof="0" dirty="0" err="1"/>
          </a:p>
        </p:txBody>
      </p:sp>
      <p:sp>
        <p:nvSpPr>
          <p:cNvPr id="11" name="TextBox 10">
            <a:extLst>
              <a:ext uri="{FF2B5EF4-FFF2-40B4-BE49-F238E27FC236}">
                <a16:creationId xmlns:a16="http://schemas.microsoft.com/office/drawing/2014/main" id="{D6DAF77B-7F09-4D4C-ACCA-7F818812B380}"/>
              </a:ext>
            </a:extLst>
          </p:cNvPr>
          <p:cNvSpPr txBox="1"/>
          <p:nvPr/>
        </p:nvSpPr>
        <p:spPr>
          <a:xfrm>
            <a:off x="5070523" y="1751111"/>
            <a:ext cx="3200400" cy="307777"/>
          </a:xfrm>
          <a:prstGeom prst="rect">
            <a:avLst/>
          </a:prstGeom>
          <a:noFill/>
        </p:spPr>
        <p:txBody>
          <a:bodyPr wrap="square" lIns="0" tIns="0" rIns="0" bIns="0" rtlCol="0">
            <a:spAutoFit/>
          </a:bodyPr>
          <a:lstStyle/>
          <a:p>
            <a:r>
              <a:rPr lang="en-GB" sz="2000" dirty="0" err="1"/>
              <a:t>Krádeže</a:t>
            </a:r>
            <a:r>
              <a:rPr lang="en-GB" sz="2000" dirty="0"/>
              <a:t> </a:t>
            </a:r>
            <a:r>
              <a:rPr lang="en-GB" sz="2000" dirty="0" err="1"/>
              <a:t>aut</a:t>
            </a:r>
            <a:endParaRPr lang="en-BG" sz="2000" dirty="0"/>
          </a:p>
        </p:txBody>
      </p:sp>
      <p:sp>
        <p:nvSpPr>
          <p:cNvPr id="12" name="Rectangle 11">
            <a:extLst>
              <a:ext uri="{FF2B5EF4-FFF2-40B4-BE49-F238E27FC236}">
                <a16:creationId xmlns:a16="http://schemas.microsoft.com/office/drawing/2014/main" id="{635BCDCA-E8DB-D743-82E2-50A310825FC7}"/>
              </a:ext>
            </a:extLst>
          </p:cNvPr>
          <p:cNvSpPr/>
          <p:nvPr/>
        </p:nvSpPr>
        <p:spPr>
          <a:xfrm>
            <a:off x="7960010" y="1676399"/>
            <a:ext cx="3429000" cy="457200"/>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BG" sz="2000" noProof="0" dirty="0" err="1"/>
          </a:p>
        </p:txBody>
      </p:sp>
      <p:sp>
        <p:nvSpPr>
          <p:cNvPr id="13" name="TextBox 12">
            <a:extLst>
              <a:ext uri="{FF2B5EF4-FFF2-40B4-BE49-F238E27FC236}">
                <a16:creationId xmlns:a16="http://schemas.microsoft.com/office/drawing/2014/main" id="{7430D491-35FB-6A45-A516-D47242EFB5C1}"/>
              </a:ext>
            </a:extLst>
          </p:cNvPr>
          <p:cNvSpPr txBox="1"/>
          <p:nvPr/>
        </p:nvSpPr>
        <p:spPr>
          <a:xfrm>
            <a:off x="8702184" y="1751111"/>
            <a:ext cx="3200400" cy="307777"/>
          </a:xfrm>
          <a:prstGeom prst="rect">
            <a:avLst/>
          </a:prstGeom>
          <a:noFill/>
        </p:spPr>
        <p:txBody>
          <a:bodyPr wrap="square" lIns="0" tIns="0" rIns="0" bIns="0" rtlCol="0">
            <a:spAutoFit/>
          </a:bodyPr>
          <a:lstStyle/>
          <a:p>
            <a:r>
              <a:rPr lang="en-GB" sz="2000" dirty="0" err="1"/>
              <a:t>Násilné</a:t>
            </a:r>
            <a:r>
              <a:rPr lang="en-GB" sz="2000" dirty="0"/>
              <a:t> </a:t>
            </a:r>
            <a:r>
              <a:rPr lang="en-GB" sz="2000" dirty="0" err="1"/>
              <a:t>zločiny</a:t>
            </a:r>
            <a:endParaRPr lang="en-BG" sz="2000" dirty="0"/>
          </a:p>
        </p:txBody>
      </p:sp>
      <p:sp>
        <p:nvSpPr>
          <p:cNvPr id="14" name="Rectangle 13">
            <a:extLst>
              <a:ext uri="{FF2B5EF4-FFF2-40B4-BE49-F238E27FC236}">
                <a16:creationId xmlns:a16="http://schemas.microsoft.com/office/drawing/2014/main" id="{08625092-60FC-1640-92DB-437E0D22FA4D}"/>
              </a:ext>
            </a:extLst>
          </p:cNvPr>
          <p:cNvSpPr/>
          <p:nvPr/>
        </p:nvSpPr>
        <p:spPr>
          <a:xfrm>
            <a:off x="523220" y="616711"/>
            <a:ext cx="11059180" cy="819947"/>
          </a:xfrm>
          <a:prstGeom prst="rect">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BG" sz="2000" noProof="0" dirty="0" err="1"/>
          </a:p>
        </p:txBody>
      </p:sp>
      <p:sp>
        <p:nvSpPr>
          <p:cNvPr id="16" name="Title 2">
            <a:extLst>
              <a:ext uri="{FF2B5EF4-FFF2-40B4-BE49-F238E27FC236}">
                <a16:creationId xmlns:a16="http://schemas.microsoft.com/office/drawing/2014/main" id="{6D4070FE-E195-4E37-BF26-39CBF7E59700}"/>
              </a:ext>
            </a:extLst>
          </p:cNvPr>
          <p:cNvSpPr txBox="1">
            <a:spLocks/>
          </p:cNvSpPr>
          <p:nvPr/>
        </p:nvSpPr>
        <p:spPr>
          <a:xfrm>
            <a:off x="444500" y="579437"/>
            <a:ext cx="11356975" cy="782511"/>
          </a:xfrm>
          <a:prstGeom prst="rect">
            <a:avLst/>
          </a:prstGeom>
        </p:spPr>
        <p:txBody>
          <a:bodyPr/>
          <a:lstStyle>
            <a:lvl1pPr marL="0" algn="l" defTabSz="914400" rtl="0" eaLnBrk="1" latinLnBrk="0" hangingPunct="1">
              <a:lnSpc>
                <a:spcPct val="100000"/>
              </a:lnSpc>
              <a:spcBef>
                <a:spcPct val="0"/>
              </a:spcBef>
              <a:spcAft>
                <a:spcPts val="0"/>
              </a:spcAft>
              <a:buNone/>
              <a:defRPr sz="4000" b="0" kern="1200">
                <a:solidFill>
                  <a:schemeClr val="accent1"/>
                </a:solidFill>
                <a:latin typeface="+mj-lt"/>
                <a:ea typeface="Open Sans Light" panose="020B0604020202020204" charset="0"/>
                <a:cs typeface="Open Sans Light" panose="020B0604020202020204" charset="0"/>
              </a:defRPr>
            </a:lvl1pPr>
          </a:lstStyle>
          <a:p>
            <a:pPr algn="ctr"/>
            <a:r>
              <a:rPr lang="en-GB" sz="3500" b="1" dirty="0" err="1">
                <a:solidFill>
                  <a:srgbClr val="023852"/>
                </a:solidFill>
              </a:rPr>
              <a:t>Preventivní</a:t>
            </a:r>
            <a:r>
              <a:rPr lang="en-GB" sz="3500" b="1" dirty="0">
                <a:solidFill>
                  <a:srgbClr val="023852"/>
                </a:solidFill>
              </a:rPr>
              <a:t> role video </a:t>
            </a:r>
            <a:r>
              <a:rPr lang="en-GB" sz="3500" b="1" dirty="0" err="1">
                <a:solidFill>
                  <a:srgbClr val="023852"/>
                </a:solidFill>
              </a:rPr>
              <a:t>dohledu</a:t>
            </a:r>
            <a:r>
              <a:rPr lang="en-GB" sz="3500" b="1" dirty="0">
                <a:solidFill>
                  <a:srgbClr val="023852"/>
                </a:solidFill>
              </a:rPr>
              <a:t> v </a:t>
            </a:r>
            <a:r>
              <a:rPr lang="en-GB" sz="3500" b="1" dirty="0" err="1">
                <a:solidFill>
                  <a:srgbClr val="023852"/>
                </a:solidFill>
              </a:rPr>
              <a:t>Katovicích</a:t>
            </a:r>
            <a:endParaRPr lang="en-GB" sz="3500" b="1" dirty="0">
              <a:solidFill>
                <a:srgbClr val="023852"/>
              </a:solidFill>
            </a:endParaRPr>
          </a:p>
        </p:txBody>
      </p:sp>
    </p:spTree>
    <p:extLst>
      <p:ext uri="{BB962C8B-B14F-4D97-AF65-F5344CB8AC3E}">
        <p14:creationId xmlns:p14="http://schemas.microsoft.com/office/powerpoint/2010/main" val="115485052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0B2DF08-E9DC-4746-B9F8-0980BA675D3C}"/>
              </a:ext>
            </a:extLst>
          </p:cNvPr>
          <p:cNvSpPr>
            <a:spLocks noGrp="1"/>
          </p:cNvSpPr>
          <p:nvPr>
            <p:ph type="body" sz="quarter" idx="13"/>
          </p:nvPr>
        </p:nvSpPr>
        <p:spPr>
          <a:xfrm>
            <a:off x="1182263" y="1885952"/>
            <a:ext cx="9453653" cy="1543048"/>
          </a:xfrm>
        </p:spPr>
        <p:txBody>
          <a:bodyPr/>
          <a:lstStyle/>
          <a:p>
            <a:r>
              <a:rPr lang="en-US" dirty="0"/>
              <a:t>Video</a:t>
            </a:r>
          </a:p>
        </p:txBody>
      </p:sp>
      <p:sp>
        <p:nvSpPr>
          <p:cNvPr id="4" name="Footer Placeholder 3">
            <a:extLst>
              <a:ext uri="{FF2B5EF4-FFF2-40B4-BE49-F238E27FC236}">
                <a16:creationId xmlns:a16="http://schemas.microsoft.com/office/drawing/2014/main" id="{E2C26F2F-A6E1-42AB-9304-EC1C09E63A22}"/>
              </a:ext>
            </a:extLst>
          </p:cNvPr>
          <p:cNvSpPr>
            <a:spLocks noGrp="1"/>
          </p:cNvSpPr>
          <p:nvPr>
            <p:ph type="ftr" sz="quarter" idx="16"/>
          </p:nvPr>
        </p:nvSpPr>
        <p:spPr/>
        <p:txBody>
          <a:bodyPr/>
          <a:lstStyle/>
          <a:p>
            <a:endParaRPr lang="en-GB" dirty="0"/>
          </a:p>
        </p:txBody>
      </p:sp>
      <p:sp>
        <p:nvSpPr>
          <p:cNvPr id="5" name="Text Placeholder 4">
            <a:extLst>
              <a:ext uri="{FF2B5EF4-FFF2-40B4-BE49-F238E27FC236}">
                <a16:creationId xmlns:a16="http://schemas.microsoft.com/office/drawing/2014/main" id="{0295F831-BF68-4FD4-BFFA-30A01F4B4001}"/>
              </a:ext>
            </a:extLst>
          </p:cNvPr>
          <p:cNvSpPr>
            <a:spLocks noGrp="1"/>
          </p:cNvSpPr>
          <p:nvPr>
            <p:ph type="body" sz="quarter" idx="18"/>
          </p:nvPr>
        </p:nvSpPr>
        <p:spPr/>
        <p:txBody>
          <a:bodyPr/>
          <a:lstStyle/>
          <a:p>
            <a:endParaRPr lang="en-US"/>
          </a:p>
        </p:txBody>
      </p:sp>
    </p:spTree>
    <p:extLst>
      <p:ext uri="{BB962C8B-B14F-4D97-AF65-F5344CB8AC3E}">
        <p14:creationId xmlns:p14="http://schemas.microsoft.com/office/powerpoint/2010/main" val="387324461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6">
            <a:extLst>
              <a:ext uri="{FF2B5EF4-FFF2-40B4-BE49-F238E27FC236}">
                <a16:creationId xmlns:a16="http://schemas.microsoft.com/office/drawing/2014/main" id="{766C3F1E-4B01-461A-8624-9B9225603915}"/>
              </a:ext>
            </a:extLst>
          </p:cNvPr>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r="1468" b="15060"/>
          <a:stretch/>
        </p:blipFill>
        <p:spPr>
          <a:xfrm>
            <a:off x="0" y="0"/>
            <a:ext cx="12192000" cy="7081736"/>
          </a:xfrm>
          <a:prstGeom prst="rect">
            <a:avLst/>
          </a:prstGeom>
        </p:spPr>
      </p:pic>
      <p:sp>
        <p:nvSpPr>
          <p:cNvPr id="2" name="Title 1">
            <a:extLst>
              <a:ext uri="{FF2B5EF4-FFF2-40B4-BE49-F238E27FC236}">
                <a16:creationId xmlns:a16="http://schemas.microsoft.com/office/drawing/2014/main" id="{D939A8EB-4D19-4D57-AD46-41900B8F52A6}"/>
              </a:ext>
            </a:extLst>
          </p:cNvPr>
          <p:cNvSpPr>
            <a:spLocks noGrp="1"/>
          </p:cNvSpPr>
          <p:nvPr>
            <p:ph type="title"/>
          </p:nvPr>
        </p:nvSpPr>
        <p:spPr>
          <a:xfrm>
            <a:off x="342900" y="147639"/>
            <a:ext cx="10785543" cy="1123950"/>
          </a:xfrm>
        </p:spPr>
        <p:txBody>
          <a:bodyPr/>
          <a:lstStyle/>
          <a:p>
            <a:pPr algn="ctr"/>
            <a:r>
              <a:rPr lang="en-US" sz="5000" dirty="0" err="1">
                <a:solidFill>
                  <a:srgbClr val="023852"/>
                </a:solidFill>
                <a:latin typeface="+mn-lt"/>
              </a:rPr>
              <a:t>Pojďme</a:t>
            </a:r>
            <a:r>
              <a:rPr lang="en-US" sz="5000" dirty="0">
                <a:solidFill>
                  <a:srgbClr val="023852"/>
                </a:solidFill>
                <a:latin typeface="+mn-lt"/>
              </a:rPr>
              <a:t> </a:t>
            </a:r>
            <a:r>
              <a:rPr lang="en-US" sz="5000" dirty="0" err="1">
                <a:solidFill>
                  <a:srgbClr val="023852"/>
                </a:solidFill>
                <a:latin typeface="+mn-lt"/>
              </a:rPr>
              <a:t>společně</a:t>
            </a:r>
            <a:r>
              <a:rPr lang="en-US" sz="5000" dirty="0">
                <a:solidFill>
                  <a:srgbClr val="023852"/>
                </a:solidFill>
                <a:latin typeface="+mn-lt"/>
              </a:rPr>
              <a:t> </a:t>
            </a:r>
            <a:r>
              <a:rPr lang="en-US" sz="5000" dirty="0" err="1">
                <a:solidFill>
                  <a:srgbClr val="023852"/>
                </a:solidFill>
                <a:latin typeface="+mn-lt"/>
              </a:rPr>
              <a:t>tvořit</a:t>
            </a:r>
            <a:r>
              <a:rPr lang="en-US" sz="5000" dirty="0">
                <a:solidFill>
                  <a:srgbClr val="023852"/>
                </a:solidFill>
                <a:latin typeface="+mn-lt"/>
              </a:rPr>
              <a:t> </a:t>
            </a:r>
            <a:r>
              <a:rPr lang="en-US" sz="5000" dirty="0" err="1">
                <a:solidFill>
                  <a:srgbClr val="023852"/>
                </a:solidFill>
                <a:latin typeface="+mn-lt"/>
              </a:rPr>
              <a:t>budoucnost</a:t>
            </a:r>
            <a:endParaRPr lang="en-US" sz="5000" dirty="0">
              <a:solidFill>
                <a:srgbClr val="023852"/>
              </a:solidFill>
              <a:latin typeface="+mn-lt"/>
            </a:endParaRPr>
          </a:p>
        </p:txBody>
      </p:sp>
      <p:sp>
        <p:nvSpPr>
          <p:cNvPr id="4" name="Footer Placeholder 3">
            <a:extLst>
              <a:ext uri="{FF2B5EF4-FFF2-40B4-BE49-F238E27FC236}">
                <a16:creationId xmlns:a16="http://schemas.microsoft.com/office/drawing/2014/main" id="{73CD8EF4-EA4C-449A-8766-EE3C9B88E3A4}"/>
              </a:ext>
            </a:extLst>
          </p:cNvPr>
          <p:cNvSpPr>
            <a:spLocks noGrp="1"/>
          </p:cNvSpPr>
          <p:nvPr>
            <p:ph type="ftr" sz="quarter" idx="18"/>
          </p:nvPr>
        </p:nvSpPr>
        <p:spPr/>
        <p:txBody>
          <a:bodyPr/>
          <a:lstStyle/>
          <a:p>
            <a:endParaRPr lang="en-GB" dirty="0"/>
          </a:p>
        </p:txBody>
      </p:sp>
      <p:sp>
        <p:nvSpPr>
          <p:cNvPr id="5" name="Text Placeholder 4">
            <a:extLst>
              <a:ext uri="{FF2B5EF4-FFF2-40B4-BE49-F238E27FC236}">
                <a16:creationId xmlns:a16="http://schemas.microsoft.com/office/drawing/2014/main" id="{750EDBAB-D163-470A-99EC-7223A4072263}"/>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401841026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icture Placeholder 1"/>
          <p:cNvSpPr>
            <a:spLocks noGrp="1"/>
          </p:cNvSpPr>
          <p:nvPr>
            <p:ph type="pic" sz="quarter" idx="16"/>
          </p:nvPr>
        </p:nvSpPr>
        <p:spPr/>
      </p:sp>
      <p:sp>
        <p:nvSpPr>
          <p:cNvPr id="3" name="Title 2"/>
          <p:cNvSpPr>
            <a:spLocks noGrp="1"/>
          </p:cNvSpPr>
          <p:nvPr>
            <p:ph type="ctrTitle"/>
          </p:nvPr>
        </p:nvSpPr>
        <p:spPr>
          <a:xfrm>
            <a:off x="245608" y="1814286"/>
            <a:ext cx="11217521" cy="1799771"/>
          </a:xfrm>
        </p:spPr>
        <p:txBody>
          <a:bodyPr/>
          <a:lstStyle/>
          <a:p>
            <a:pPr algn="ctr"/>
            <a:r>
              <a:rPr lang="en-GB" sz="6000" dirty="0" err="1"/>
              <a:t>Děkuji</a:t>
            </a:r>
            <a:r>
              <a:rPr lang="en-GB" sz="6000" dirty="0"/>
              <a:t> za </a:t>
            </a:r>
            <a:r>
              <a:rPr lang="en-GB" sz="6000" dirty="0" err="1"/>
              <a:t>pozornost</a:t>
            </a:r>
            <a:endParaRPr lang="en-GB" sz="6000" dirty="0"/>
          </a:p>
        </p:txBody>
      </p:sp>
      <p:sp>
        <p:nvSpPr>
          <p:cNvPr id="5" name="Footer Placeholder 4" hidden="1"/>
          <p:cNvSpPr>
            <a:spLocks noGrp="1"/>
          </p:cNvSpPr>
          <p:nvPr>
            <p:ph type="ftr" sz="quarter" idx="20"/>
          </p:nvPr>
        </p:nvSpPr>
        <p:spPr/>
        <p:txBody>
          <a:bodyPr/>
          <a:lstStyle/>
          <a:p>
            <a:endParaRPr lang="en-GB" dirty="0"/>
          </a:p>
        </p:txBody>
      </p:sp>
      <p:sp>
        <p:nvSpPr>
          <p:cNvPr id="6" name="Text Placeholder 5"/>
          <p:cNvSpPr>
            <a:spLocks noGrp="1"/>
          </p:cNvSpPr>
          <p:nvPr>
            <p:ph type="body" sz="quarter" idx="14"/>
          </p:nvPr>
        </p:nvSpPr>
        <p:spPr/>
        <p:txBody>
          <a:bodyPr/>
          <a:lstStyle/>
          <a:p>
            <a:endParaRPr lang="en-GB" dirty="0"/>
          </a:p>
        </p:txBody>
      </p:sp>
      <p:sp>
        <p:nvSpPr>
          <p:cNvPr id="8" name="Text Placeholder 7"/>
          <p:cNvSpPr>
            <a:spLocks noGrp="1"/>
          </p:cNvSpPr>
          <p:nvPr>
            <p:ph type="body" sz="quarter" idx="23"/>
          </p:nvPr>
        </p:nvSpPr>
        <p:spPr/>
        <p:txBody>
          <a:bodyPr/>
          <a:lstStyle/>
          <a:p>
            <a:endParaRPr lang="en-GB" dirty="0"/>
          </a:p>
        </p:txBody>
      </p:sp>
    </p:spTree>
    <p:custDataLst>
      <p:tags r:id="rId1"/>
    </p:custDataLst>
    <p:extLst>
      <p:ext uri="{BB962C8B-B14F-4D97-AF65-F5344CB8AC3E}">
        <p14:creationId xmlns:p14="http://schemas.microsoft.com/office/powerpoint/2010/main" val="239798804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17" descr="A city with a river running through it&#10;&#10;Description automatically generated with low confidence">
            <a:extLst>
              <a:ext uri="{FF2B5EF4-FFF2-40B4-BE49-F238E27FC236}">
                <a16:creationId xmlns:a16="http://schemas.microsoft.com/office/drawing/2014/main" id="{B14201E8-BFED-433B-9619-BC1E4D32C6FB}"/>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0" y="-1"/>
            <a:ext cx="12192000" cy="6858001"/>
          </a:xfrm>
          <a:prstGeom prst="rect">
            <a:avLst/>
          </a:prstGeom>
        </p:spPr>
      </p:pic>
      <p:sp>
        <p:nvSpPr>
          <p:cNvPr id="17" name="Rectangle 16">
            <a:extLst>
              <a:ext uri="{FF2B5EF4-FFF2-40B4-BE49-F238E27FC236}">
                <a16:creationId xmlns:a16="http://schemas.microsoft.com/office/drawing/2014/main" id="{03535AD1-638A-4C6C-BD33-4BE7C9616176}"/>
              </a:ext>
            </a:extLst>
          </p:cNvPr>
          <p:cNvSpPr/>
          <p:nvPr/>
        </p:nvSpPr>
        <p:spPr>
          <a:xfrm>
            <a:off x="0" y="-354"/>
            <a:ext cx="12192000" cy="6858001"/>
          </a:xfrm>
          <a:prstGeom prst="rect">
            <a:avLst/>
          </a:prstGeom>
          <a:gradFill flip="none" rotWithShape="1">
            <a:gsLst>
              <a:gs pos="45000">
                <a:srgbClr val="016996">
                  <a:alpha val="20000"/>
                </a:srgbClr>
              </a:gs>
              <a:gs pos="33000">
                <a:srgbClr val="0181B8">
                  <a:alpha val="40000"/>
                </a:srgbClr>
              </a:gs>
              <a:gs pos="17000">
                <a:schemeClr val="accent1">
                  <a:alpha val="80000"/>
                </a:schemeClr>
              </a:gs>
              <a:gs pos="0">
                <a:schemeClr val="accent1"/>
              </a:gs>
              <a:gs pos="60000">
                <a:schemeClr val="accent2">
                  <a:alpha val="0"/>
                </a:schemeClr>
              </a:gs>
            </a:gsLst>
            <a:lin ang="30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le 1">
            <a:extLst>
              <a:ext uri="{FF2B5EF4-FFF2-40B4-BE49-F238E27FC236}">
                <a16:creationId xmlns:a16="http://schemas.microsoft.com/office/drawing/2014/main" id="{23641B2B-9728-4083-8212-8709E59B20A4}"/>
              </a:ext>
            </a:extLst>
          </p:cNvPr>
          <p:cNvSpPr>
            <a:spLocks noGrp="1"/>
          </p:cNvSpPr>
          <p:nvPr>
            <p:ph type="ctrTitle"/>
          </p:nvPr>
        </p:nvSpPr>
        <p:spPr>
          <a:xfrm>
            <a:off x="956273" y="564790"/>
            <a:ext cx="5282481" cy="2004790"/>
          </a:xfrm>
        </p:spPr>
        <p:txBody>
          <a:bodyPr anchor="t"/>
          <a:lstStyle/>
          <a:p>
            <a:r>
              <a:rPr lang="en-GB" sz="3600" dirty="0" err="1">
                <a:latin typeface="+mn-lt"/>
              </a:rPr>
              <a:t>Využijme</a:t>
            </a:r>
            <a:r>
              <a:rPr lang="en-GB" sz="3600" dirty="0">
                <a:latin typeface="+mn-lt"/>
              </a:rPr>
              <a:t> </a:t>
            </a:r>
            <a:r>
              <a:rPr lang="en-GB" sz="3600" dirty="0" err="1">
                <a:latin typeface="+mn-lt"/>
              </a:rPr>
              <a:t>technologii</a:t>
            </a:r>
            <a:r>
              <a:rPr lang="en-GB" sz="3600" dirty="0">
                <a:latin typeface="+mn-lt"/>
              </a:rPr>
              <a:t> </a:t>
            </a:r>
            <a:r>
              <a:rPr lang="en-GB" sz="3600" dirty="0" err="1">
                <a:latin typeface="+mn-lt"/>
              </a:rPr>
              <a:t>chytrého</a:t>
            </a:r>
            <a:r>
              <a:rPr lang="en-GB" sz="3600" dirty="0">
                <a:latin typeface="+mn-lt"/>
              </a:rPr>
              <a:t> </a:t>
            </a:r>
            <a:r>
              <a:rPr lang="en-GB" sz="3600" dirty="0" err="1">
                <a:latin typeface="+mn-lt"/>
              </a:rPr>
              <a:t>videa</a:t>
            </a:r>
            <a:r>
              <a:rPr lang="en-GB" sz="3600" dirty="0">
                <a:latin typeface="+mn-lt"/>
              </a:rPr>
              <a:t> </a:t>
            </a:r>
            <a:r>
              <a:rPr lang="en-GB" sz="3600" dirty="0" err="1">
                <a:latin typeface="+mn-lt"/>
              </a:rPr>
              <a:t>na</a:t>
            </a:r>
            <a:r>
              <a:rPr lang="en-GB" sz="3600" dirty="0">
                <a:latin typeface="+mn-lt"/>
              </a:rPr>
              <a:t> maximum</a:t>
            </a:r>
            <a:endParaRPr lang="en-GB" dirty="0"/>
          </a:p>
        </p:txBody>
      </p:sp>
      <p:sp>
        <p:nvSpPr>
          <p:cNvPr id="3" name="Footer Placeholder 2">
            <a:extLst>
              <a:ext uri="{FF2B5EF4-FFF2-40B4-BE49-F238E27FC236}">
                <a16:creationId xmlns:a16="http://schemas.microsoft.com/office/drawing/2014/main" id="{E8711295-64E8-4F99-909C-458BF87AFBA2}"/>
              </a:ext>
            </a:extLst>
          </p:cNvPr>
          <p:cNvSpPr>
            <a:spLocks noGrp="1"/>
          </p:cNvSpPr>
          <p:nvPr>
            <p:ph type="ftr" sz="quarter" idx="24"/>
          </p:nvPr>
        </p:nvSpPr>
        <p:spPr/>
        <p:txBody>
          <a:bodyPr/>
          <a:lstStyle/>
          <a:p>
            <a:r>
              <a:rPr lang="en-GB"/>
              <a:t>Source: CNBC</a:t>
            </a:r>
          </a:p>
        </p:txBody>
      </p:sp>
      <p:sp>
        <p:nvSpPr>
          <p:cNvPr id="4" name="Text Placeholder 3">
            <a:extLst>
              <a:ext uri="{FF2B5EF4-FFF2-40B4-BE49-F238E27FC236}">
                <a16:creationId xmlns:a16="http://schemas.microsoft.com/office/drawing/2014/main" id="{E8544400-05A6-4DF0-98CC-F72F3843C15F}"/>
              </a:ext>
            </a:extLst>
          </p:cNvPr>
          <p:cNvSpPr>
            <a:spLocks noGrp="1"/>
          </p:cNvSpPr>
          <p:nvPr>
            <p:ph type="body" sz="quarter" idx="26"/>
          </p:nvPr>
        </p:nvSpPr>
        <p:spPr/>
        <p:txBody>
          <a:bodyPr/>
          <a:lstStyle/>
          <a:p>
            <a:endParaRPr lang="en-GB"/>
          </a:p>
        </p:txBody>
      </p:sp>
      <p:sp>
        <p:nvSpPr>
          <p:cNvPr id="8" name="Freeform: Shape 7">
            <a:extLst>
              <a:ext uri="{FF2B5EF4-FFF2-40B4-BE49-F238E27FC236}">
                <a16:creationId xmlns:a16="http://schemas.microsoft.com/office/drawing/2014/main" id="{06D077AE-8CF1-4D6F-AE88-4F7A9AB9DF3F}"/>
              </a:ext>
            </a:extLst>
          </p:cNvPr>
          <p:cNvSpPr/>
          <p:nvPr/>
        </p:nvSpPr>
        <p:spPr>
          <a:xfrm rot="8100000">
            <a:off x="576511" y="698956"/>
            <a:ext cx="226504" cy="231690"/>
          </a:xfrm>
          <a:custGeom>
            <a:avLst/>
            <a:gdLst>
              <a:gd name="connsiteX0" fmla="*/ 270510 w 270510"/>
              <a:gd name="connsiteY0" fmla="*/ 0 h 276704"/>
              <a:gd name="connsiteX1" fmla="*/ 270510 w 270510"/>
              <a:gd name="connsiteY1" fmla="*/ 91440 h 276704"/>
              <a:gd name="connsiteX2" fmla="*/ 91440 w 270510"/>
              <a:gd name="connsiteY2" fmla="*/ 91440 h 276704"/>
              <a:gd name="connsiteX3" fmla="*/ 91440 w 270510"/>
              <a:gd name="connsiteY3" fmla="*/ 276704 h 276704"/>
              <a:gd name="connsiteX4" fmla="*/ 0 w 270510"/>
              <a:gd name="connsiteY4" fmla="*/ 276704 h 276704"/>
              <a:gd name="connsiteX5" fmla="*/ 0 w 270510"/>
              <a:gd name="connsiteY5" fmla="*/ 10004 h 276704"/>
              <a:gd name="connsiteX6" fmla="*/ 3810 w 270510"/>
              <a:gd name="connsiteY6" fmla="*/ 10004 h 276704"/>
              <a:gd name="connsiteX7" fmla="*/ 3810 w 270510"/>
              <a:gd name="connsiteY7" fmla="*/ 0 h 276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70510" h="276704">
                <a:moveTo>
                  <a:pt x="270510" y="0"/>
                </a:moveTo>
                <a:lnTo>
                  <a:pt x="270510" y="91440"/>
                </a:lnTo>
                <a:lnTo>
                  <a:pt x="91440" y="91440"/>
                </a:lnTo>
                <a:lnTo>
                  <a:pt x="91440" y="276704"/>
                </a:lnTo>
                <a:lnTo>
                  <a:pt x="0" y="276704"/>
                </a:lnTo>
                <a:lnTo>
                  <a:pt x="0" y="10004"/>
                </a:lnTo>
                <a:lnTo>
                  <a:pt x="3810" y="10004"/>
                </a:lnTo>
                <a:lnTo>
                  <a:pt x="3810" y="0"/>
                </a:lnTo>
                <a:close/>
              </a:path>
            </a:pathLst>
          </a:cu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grpSp>
        <p:nvGrpSpPr>
          <p:cNvPr id="5" name="Group 4">
            <a:extLst>
              <a:ext uri="{FF2B5EF4-FFF2-40B4-BE49-F238E27FC236}">
                <a16:creationId xmlns:a16="http://schemas.microsoft.com/office/drawing/2014/main" id="{8D0E3019-7C10-46A5-B532-89919FB83B5C}"/>
              </a:ext>
            </a:extLst>
          </p:cNvPr>
          <p:cNvGrpSpPr/>
          <p:nvPr/>
        </p:nvGrpSpPr>
        <p:grpSpPr>
          <a:xfrm>
            <a:off x="9065477" y="-112177"/>
            <a:ext cx="2489717" cy="2840061"/>
            <a:chOff x="1032423" y="-94672"/>
            <a:chExt cx="2057619" cy="2389389"/>
          </a:xfrm>
        </p:grpSpPr>
        <p:sp>
          <p:nvSpPr>
            <p:cNvPr id="13" name="Freeform: Shape 12">
              <a:extLst>
                <a:ext uri="{FF2B5EF4-FFF2-40B4-BE49-F238E27FC236}">
                  <a16:creationId xmlns:a16="http://schemas.microsoft.com/office/drawing/2014/main" id="{F15E0710-3C3A-4F2B-BF29-F77935B71356}"/>
                </a:ext>
              </a:extLst>
            </p:cNvPr>
            <p:cNvSpPr/>
            <p:nvPr/>
          </p:nvSpPr>
          <p:spPr>
            <a:xfrm>
              <a:off x="1032425" y="1"/>
              <a:ext cx="2057617" cy="2294716"/>
            </a:xfrm>
            <a:custGeom>
              <a:avLst/>
              <a:gdLst>
                <a:gd name="connsiteX0" fmla="*/ 0 w 3539778"/>
                <a:gd name="connsiteY0" fmla="*/ 0 h 3385372"/>
                <a:gd name="connsiteX1" fmla="*/ 139100 w 3539778"/>
                <a:gd name="connsiteY1" fmla="*/ 0 h 3385372"/>
                <a:gd name="connsiteX2" fmla="*/ 460210 w 3539778"/>
                <a:gd name="connsiteY2" fmla="*/ 0 h 3385372"/>
                <a:gd name="connsiteX3" fmla="*/ 810811 w 3539778"/>
                <a:gd name="connsiteY3" fmla="*/ 0 h 3385372"/>
                <a:gd name="connsiteX4" fmla="*/ 1325817 w 3539778"/>
                <a:gd name="connsiteY4" fmla="*/ 0 h 3385372"/>
                <a:gd name="connsiteX5" fmla="*/ 1651859 w 3539778"/>
                <a:gd name="connsiteY5" fmla="*/ 0 h 3385372"/>
                <a:gd name="connsiteX6" fmla="*/ 1676418 w 3539778"/>
                <a:gd name="connsiteY6" fmla="*/ 0 h 3385372"/>
                <a:gd name="connsiteX7" fmla="*/ 2002460 w 3539778"/>
                <a:gd name="connsiteY7" fmla="*/ 0 h 3385372"/>
                <a:gd name="connsiteX8" fmla="*/ 2323570 w 3539778"/>
                <a:gd name="connsiteY8" fmla="*/ 0 h 3385372"/>
                <a:gd name="connsiteX9" fmla="*/ 2674171 w 3539778"/>
                <a:gd name="connsiteY9" fmla="*/ 0 h 3385372"/>
                <a:gd name="connsiteX10" fmla="*/ 3189177 w 3539778"/>
                <a:gd name="connsiteY10" fmla="*/ 0 h 3385372"/>
                <a:gd name="connsiteX11" fmla="*/ 3539778 w 3539778"/>
                <a:gd name="connsiteY11" fmla="*/ 0 h 3385372"/>
                <a:gd name="connsiteX12" fmla="*/ 3539778 w 3539778"/>
                <a:gd name="connsiteY12" fmla="*/ 87258 h 3385372"/>
                <a:gd name="connsiteX13" fmla="*/ 3539778 w 3539778"/>
                <a:gd name="connsiteY13" fmla="*/ 301441 h 3385372"/>
                <a:gd name="connsiteX14" fmla="*/ 3539778 w 3539778"/>
                <a:gd name="connsiteY14" fmla="*/ 388699 h 3385372"/>
                <a:gd name="connsiteX15" fmla="*/ 3539778 w 3539778"/>
                <a:gd name="connsiteY15" fmla="*/ 450353 h 3385372"/>
                <a:gd name="connsiteX16" fmla="*/ 3539778 w 3539778"/>
                <a:gd name="connsiteY16" fmla="*/ 528021 h 3385372"/>
                <a:gd name="connsiteX17" fmla="*/ 3539778 w 3539778"/>
                <a:gd name="connsiteY17" fmla="*/ 537611 h 3385372"/>
                <a:gd name="connsiteX18" fmla="*/ 3539778 w 3539778"/>
                <a:gd name="connsiteY18" fmla="*/ 615279 h 3385372"/>
                <a:gd name="connsiteX19" fmla="*/ 3539778 w 3539778"/>
                <a:gd name="connsiteY19" fmla="*/ 751794 h 3385372"/>
                <a:gd name="connsiteX20" fmla="*/ 3539778 w 3539778"/>
                <a:gd name="connsiteY20" fmla="*/ 829462 h 3385372"/>
                <a:gd name="connsiteX21" fmla="*/ 3539778 w 3539778"/>
                <a:gd name="connsiteY21" fmla="*/ 839052 h 3385372"/>
                <a:gd name="connsiteX22" fmla="*/ 3539778 w 3539778"/>
                <a:gd name="connsiteY22" fmla="*/ 916720 h 3385372"/>
                <a:gd name="connsiteX23" fmla="*/ 3539778 w 3539778"/>
                <a:gd name="connsiteY23" fmla="*/ 978374 h 3385372"/>
                <a:gd name="connsiteX24" fmla="*/ 3539778 w 3539778"/>
                <a:gd name="connsiteY24" fmla="*/ 1065632 h 3385372"/>
                <a:gd name="connsiteX25" fmla="*/ 3539778 w 3539778"/>
                <a:gd name="connsiteY25" fmla="*/ 1279815 h 3385372"/>
                <a:gd name="connsiteX26" fmla="*/ 3539778 w 3539778"/>
                <a:gd name="connsiteY26" fmla="*/ 1367073 h 3385372"/>
                <a:gd name="connsiteX27" fmla="*/ 3539778 w 3539778"/>
                <a:gd name="connsiteY27" fmla="*/ 1702927 h 3385372"/>
                <a:gd name="connsiteX28" fmla="*/ 3539778 w 3539778"/>
                <a:gd name="connsiteY28" fmla="*/ 1790185 h 3385372"/>
                <a:gd name="connsiteX29" fmla="*/ 3539778 w 3539778"/>
                <a:gd name="connsiteY29" fmla="*/ 2004369 h 3385372"/>
                <a:gd name="connsiteX30" fmla="*/ 3539778 w 3539778"/>
                <a:gd name="connsiteY30" fmla="*/ 2091627 h 3385372"/>
                <a:gd name="connsiteX31" fmla="*/ 3539778 w 3539778"/>
                <a:gd name="connsiteY31" fmla="*/ 2153280 h 3385372"/>
                <a:gd name="connsiteX32" fmla="*/ 3539778 w 3539778"/>
                <a:gd name="connsiteY32" fmla="*/ 2230948 h 3385372"/>
                <a:gd name="connsiteX33" fmla="*/ 3539778 w 3539778"/>
                <a:gd name="connsiteY33" fmla="*/ 2240538 h 3385372"/>
                <a:gd name="connsiteX34" fmla="*/ 3539778 w 3539778"/>
                <a:gd name="connsiteY34" fmla="*/ 2318206 h 3385372"/>
                <a:gd name="connsiteX35" fmla="*/ 3539778 w 3539778"/>
                <a:gd name="connsiteY35" fmla="*/ 2454722 h 3385372"/>
                <a:gd name="connsiteX36" fmla="*/ 3539778 w 3539778"/>
                <a:gd name="connsiteY36" fmla="*/ 2532389 h 3385372"/>
                <a:gd name="connsiteX37" fmla="*/ 3539778 w 3539778"/>
                <a:gd name="connsiteY37" fmla="*/ 2541980 h 3385372"/>
                <a:gd name="connsiteX38" fmla="*/ 3539778 w 3539778"/>
                <a:gd name="connsiteY38" fmla="*/ 2619647 h 3385372"/>
                <a:gd name="connsiteX39" fmla="*/ 3539778 w 3539778"/>
                <a:gd name="connsiteY39" fmla="*/ 2681301 h 3385372"/>
                <a:gd name="connsiteX40" fmla="*/ 3539778 w 3539778"/>
                <a:gd name="connsiteY40" fmla="*/ 2768559 h 3385372"/>
                <a:gd name="connsiteX41" fmla="*/ 3539778 w 3539778"/>
                <a:gd name="connsiteY41" fmla="*/ 2982742 h 3385372"/>
                <a:gd name="connsiteX42" fmla="*/ 3539778 w 3539778"/>
                <a:gd name="connsiteY42" fmla="*/ 3070000 h 3385372"/>
                <a:gd name="connsiteX43" fmla="*/ 3224406 w 3539778"/>
                <a:gd name="connsiteY43" fmla="*/ 3385372 h 3385372"/>
                <a:gd name="connsiteX44" fmla="*/ 2873805 w 3539778"/>
                <a:gd name="connsiteY44" fmla="*/ 3385372 h 3385372"/>
                <a:gd name="connsiteX45" fmla="*/ 2358799 w 3539778"/>
                <a:gd name="connsiteY45" fmla="*/ 3385372 h 3385372"/>
                <a:gd name="connsiteX46" fmla="*/ 2008198 w 3539778"/>
                <a:gd name="connsiteY46" fmla="*/ 3385372 h 3385372"/>
                <a:gd name="connsiteX47" fmla="*/ 1687088 w 3539778"/>
                <a:gd name="connsiteY47" fmla="*/ 3385372 h 3385372"/>
                <a:gd name="connsiteX48" fmla="*/ 1676418 w 3539778"/>
                <a:gd name="connsiteY48" fmla="*/ 3385372 h 3385372"/>
                <a:gd name="connsiteX49" fmla="*/ 1336487 w 3539778"/>
                <a:gd name="connsiteY49" fmla="*/ 3385372 h 3385372"/>
                <a:gd name="connsiteX50" fmla="*/ 1325817 w 3539778"/>
                <a:gd name="connsiteY50" fmla="*/ 3385372 h 3385372"/>
                <a:gd name="connsiteX51" fmla="*/ 810811 w 3539778"/>
                <a:gd name="connsiteY51" fmla="*/ 3385372 h 3385372"/>
                <a:gd name="connsiteX52" fmla="*/ 460210 w 3539778"/>
                <a:gd name="connsiteY52" fmla="*/ 3385372 h 3385372"/>
                <a:gd name="connsiteX53" fmla="*/ 139100 w 3539778"/>
                <a:gd name="connsiteY53" fmla="*/ 3385372 h 3385372"/>
                <a:gd name="connsiteX54" fmla="*/ 0 w 3539778"/>
                <a:gd name="connsiteY54" fmla="*/ 3385372 h 3385372"/>
                <a:gd name="connsiteX55" fmla="*/ 0 w 3539778"/>
                <a:gd name="connsiteY55" fmla="*/ 3298114 h 3385372"/>
                <a:gd name="connsiteX56" fmla="*/ 0 w 3539778"/>
                <a:gd name="connsiteY56" fmla="*/ 87258 h 33853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3539778" h="3385372">
                  <a:moveTo>
                    <a:pt x="0" y="0"/>
                  </a:moveTo>
                  <a:lnTo>
                    <a:pt x="139100" y="0"/>
                  </a:lnTo>
                  <a:lnTo>
                    <a:pt x="460210" y="0"/>
                  </a:lnTo>
                  <a:lnTo>
                    <a:pt x="810811" y="0"/>
                  </a:lnTo>
                  <a:lnTo>
                    <a:pt x="1325817" y="0"/>
                  </a:lnTo>
                  <a:lnTo>
                    <a:pt x="1651859" y="0"/>
                  </a:lnTo>
                  <a:lnTo>
                    <a:pt x="1676418" y="0"/>
                  </a:lnTo>
                  <a:lnTo>
                    <a:pt x="2002460" y="0"/>
                  </a:lnTo>
                  <a:lnTo>
                    <a:pt x="2323570" y="0"/>
                  </a:lnTo>
                  <a:lnTo>
                    <a:pt x="2674171" y="0"/>
                  </a:lnTo>
                  <a:lnTo>
                    <a:pt x="3189177" y="0"/>
                  </a:lnTo>
                  <a:lnTo>
                    <a:pt x="3539778" y="0"/>
                  </a:lnTo>
                  <a:lnTo>
                    <a:pt x="3539778" y="87258"/>
                  </a:lnTo>
                  <a:lnTo>
                    <a:pt x="3539778" y="301441"/>
                  </a:lnTo>
                  <a:lnTo>
                    <a:pt x="3539778" y="388699"/>
                  </a:lnTo>
                  <a:lnTo>
                    <a:pt x="3539778" y="450353"/>
                  </a:lnTo>
                  <a:lnTo>
                    <a:pt x="3539778" y="528021"/>
                  </a:lnTo>
                  <a:lnTo>
                    <a:pt x="3539778" y="537611"/>
                  </a:lnTo>
                  <a:lnTo>
                    <a:pt x="3539778" y="615279"/>
                  </a:lnTo>
                  <a:lnTo>
                    <a:pt x="3539778" y="751794"/>
                  </a:lnTo>
                  <a:lnTo>
                    <a:pt x="3539778" y="829462"/>
                  </a:lnTo>
                  <a:lnTo>
                    <a:pt x="3539778" y="839052"/>
                  </a:lnTo>
                  <a:lnTo>
                    <a:pt x="3539778" y="916720"/>
                  </a:lnTo>
                  <a:lnTo>
                    <a:pt x="3539778" y="978374"/>
                  </a:lnTo>
                  <a:lnTo>
                    <a:pt x="3539778" y="1065632"/>
                  </a:lnTo>
                  <a:lnTo>
                    <a:pt x="3539778" y="1279815"/>
                  </a:lnTo>
                  <a:lnTo>
                    <a:pt x="3539778" y="1367073"/>
                  </a:lnTo>
                  <a:lnTo>
                    <a:pt x="3539778" y="1702927"/>
                  </a:lnTo>
                  <a:lnTo>
                    <a:pt x="3539778" y="1790185"/>
                  </a:lnTo>
                  <a:lnTo>
                    <a:pt x="3539778" y="2004369"/>
                  </a:lnTo>
                  <a:lnTo>
                    <a:pt x="3539778" y="2091627"/>
                  </a:lnTo>
                  <a:lnTo>
                    <a:pt x="3539778" y="2153280"/>
                  </a:lnTo>
                  <a:lnTo>
                    <a:pt x="3539778" y="2230948"/>
                  </a:lnTo>
                  <a:lnTo>
                    <a:pt x="3539778" y="2240538"/>
                  </a:lnTo>
                  <a:lnTo>
                    <a:pt x="3539778" y="2318206"/>
                  </a:lnTo>
                  <a:lnTo>
                    <a:pt x="3539778" y="2454722"/>
                  </a:lnTo>
                  <a:lnTo>
                    <a:pt x="3539778" y="2532389"/>
                  </a:lnTo>
                  <a:lnTo>
                    <a:pt x="3539778" y="2541980"/>
                  </a:lnTo>
                  <a:lnTo>
                    <a:pt x="3539778" y="2619647"/>
                  </a:lnTo>
                  <a:lnTo>
                    <a:pt x="3539778" y="2681301"/>
                  </a:lnTo>
                  <a:lnTo>
                    <a:pt x="3539778" y="2768559"/>
                  </a:lnTo>
                  <a:lnTo>
                    <a:pt x="3539778" y="2982742"/>
                  </a:lnTo>
                  <a:lnTo>
                    <a:pt x="3539778" y="3070000"/>
                  </a:lnTo>
                  <a:lnTo>
                    <a:pt x="3224406" y="3385372"/>
                  </a:lnTo>
                  <a:lnTo>
                    <a:pt x="2873805" y="3385372"/>
                  </a:lnTo>
                  <a:lnTo>
                    <a:pt x="2358799" y="3385372"/>
                  </a:lnTo>
                  <a:lnTo>
                    <a:pt x="2008198" y="3385372"/>
                  </a:lnTo>
                  <a:lnTo>
                    <a:pt x="1687088" y="3385372"/>
                  </a:lnTo>
                  <a:lnTo>
                    <a:pt x="1676418" y="3385372"/>
                  </a:lnTo>
                  <a:lnTo>
                    <a:pt x="1336487" y="3385372"/>
                  </a:lnTo>
                  <a:lnTo>
                    <a:pt x="1325817" y="3385372"/>
                  </a:lnTo>
                  <a:lnTo>
                    <a:pt x="810811" y="3385372"/>
                  </a:lnTo>
                  <a:lnTo>
                    <a:pt x="460210" y="3385372"/>
                  </a:lnTo>
                  <a:lnTo>
                    <a:pt x="139100" y="3385372"/>
                  </a:lnTo>
                  <a:lnTo>
                    <a:pt x="0" y="3385372"/>
                  </a:lnTo>
                  <a:lnTo>
                    <a:pt x="0" y="3298114"/>
                  </a:lnTo>
                  <a:lnTo>
                    <a:pt x="0" y="87258"/>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11" name="TextBox 10">
              <a:extLst>
                <a:ext uri="{FF2B5EF4-FFF2-40B4-BE49-F238E27FC236}">
                  <a16:creationId xmlns:a16="http://schemas.microsoft.com/office/drawing/2014/main" id="{FC27719B-572D-4665-9A24-28F4833E20C4}"/>
                </a:ext>
              </a:extLst>
            </p:cNvPr>
            <p:cNvSpPr txBox="1"/>
            <p:nvPr/>
          </p:nvSpPr>
          <p:spPr>
            <a:xfrm>
              <a:off x="1032423" y="748542"/>
              <a:ext cx="2057617" cy="1294687"/>
            </a:xfrm>
            <a:prstGeom prst="rect">
              <a:avLst/>
            </a:prstGeom>
            <a:noFill/>
          </p:spPr>
          <p:txBody>
            <a:bodyPr wrap="square" lIns="91440" tIns="45720" rIns="91440" bIns="45720" anchor="t">
              <a:spAutoFit/>
            </a:bodyPr>
            <a:lstStyle/>
            <a:p>
              <a:pPr algn="ctr"/>
              <a:r>
                <a:rPr lang="en-GB" sz="1000" dirty="0" err="1">
                  <a:latin typeface="+mj-lt"/>
                </a:rPr>
                <a:t>Přibližně</a:t>
              </a:r>
              <a:endParaRPr lang="en-GB" dirty="0"/>
            </a:p>
            <a:p>
              <a:pPr algn="ctr"/>
              <a:r>
                <a:rPr lang="en-GB" sz="6000" b="1" dirty="0">
                  <a:solidFill>
                    <a:schemeClr val="accent2"/>
                  </a:solidFill>
                  <a:latin typeface="Open Sans"/>
                  <a:ea typeface="Open Sans"/>
                  <a:cs typeface="Open Sans"/>
                </a:rPr>
                <a:t>1bn</a:t>
              </a:r>
              <a:endParaRPr lang="en-GB" dirty="0"/>
            </a:p>
            <a:p>
              <a:pPr algn="ctr"/>
              <a:r>
                <a:rPr lang="en-GB" sz="1200" dirty="0" err="1">
                  <a:solidFill>
                    <a:srgbClr val="303436"/>
                  </a:solidFill>
                  <a:latin typeface="+mj-lt"/>
                </a:rPr>
                <a:t>celosvětově</a:t>
              </a:r>
              <a:r>
                <a:rPr lang="en-GB" sz="1200" dirty="0">
                  <a:solidFill>
                    <a:srgbClr val="303436"/>
                  </a:solidFill>
                  <a:latin typeface="+mj-lt"/>
                </a:rPr>
                <a:t> </a:t>
              </a:r>
              <a:r>
                <a:rPr lang="en-GB" sz="1200" dirty="0" err="1">
                  <a:solidFill>
                    <a:srgbClr val="303436"/>
                  </a:solidFill>
                  <a:latin typeface="+mj-lt"/>
                </a:rPr>
                <a:t>instalované</a:t>
              </a:r>
              <a:r>
                <a:rPr lang="en-GB" sz="1200" dirty="0">
                  <a:solidFill>
                    <a:srgbClr val="303436"/>
                  </a:solidFill>
                  <a:latin typeface="+mj-lt"/>
                </a:rPr>
                <a:t> </a:t>
              </a:r>
              <a:r>
                <a:rPr lang="en-GB" sz="1200" dirty="0" err="1">
                  <a:solidFill>
                    <a:srgbClr val="303436"/>
                  </a:solidFill>
                  <a:latin typeface="+mj-lt"/>
                </a:rPr>
                <a:t>kamery</a:t>
              </a:r>
              <a:r>
                <a:rPr lang="en-GB" sz="1200" dirty="0">
                  <a:solidFill>
                    <a:srgbClr val="303436"/>
                  </a:solidFill>
                  <a:latin typeface="+mj-lt"/>
                </a:rPr>
                <a:t>,</a:t>
              </a:r>
            </a:p>
            <a:p>
              <a:pPr algn="ctr"/>
              <a:r>
                <a:rPr lang="en-GB" sz="1200" dirty="0">
                  <a:solidFill>
                    <a:srgbClr val="303436"/>
                  </a:solidFill>
                  <a:latin typeface="+mj-lt"/>
                </a:rPr>
                <a:t>video </a:t>
              </a:r>
              <a:r>
                <a:rPr lang="en-GB" sz="1200" dirty="0" err="1">
                  <a:solidFill>
                    <a:srgbClr val="303436"/>
                  </a:solidFill>
                  <a:latin typeface="+mj-lt"/>
                </a:rPr>
                <a:t>tu</a:t>
              </a:r>
              <a:r>
                <a:rPr lang="en-GB" sz="1200" dirty="0">
                  <a:solidFill>
                    <a:srgbClr val="303436"/>
                  </a:solidFill>
                  <a:latin typeface="+mj-lt"/>
                </a:rPr>
                <a:t> </a:t>
              </a:r>
              <a:r>
                <a:rPr lang="en-GB" sz="1200" dirty="0" err="1">
                  <a:solidFill>
                    <a:srgbClr val="303436"/>
                  </a:solidFill>
                  <a:latin typeface="+mj-lt"/>
                </a:rPr>
                <a:t>zůstane</a:t>
              </a:r>
              <a:endParaRPr lang="en-GB" sz="1200" dirty="0">
                <a:latin typeface="+mj-lt"/>
                <a:ea typeface="Open Sans Light"/>
                <a:cs typeface="Open Sans Light"/>
              </a:endParaRPr>
            </a:p>
          </p:txBody>
        </p:sp>
        <p:pic>
          <p:nvPicPr>
            <p:cNvPr id="14" name="Graphic 13">
              <a:extLst>
                <a:ext uri="{FF2B5EF4-FFF2-40B4-BE49-F238E27FC236}">
                  <a16:creationId xmlns:a16="http://schemas.microsoft.com/office/drawing/2014/main" id="{5679E9B4-D00A-4E8B-A67E-5E32B2FD7091}"/>
                </a:ext>
              </a:extLst>
            </p:cNvPr>
            <p:cNvPicPr>
              <a:picLocks noChangeAspect="1"/>
            </p:cNvPicPr>
            <p:nvPr>
              <p:custDataLst>
                <p:tags r:id="rId1"/>
              </p:custDataLst>
            </p:nvPr>
          </p:nvPicPr>
          <p:blipFill rotWithShape="1">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rcRect l="14581" t="12123" r="12123" b="14581"/>
            <a:stretch/>
          </p:blipFill>
          <p:spPr>
            <a:xfrm>
              <a:off x="1663234" y="-94672"/>
              <a:ext cx="795996" cy="795996"/>
            </a:xfrm>
            <a:prstGeom prst="rect">
              <a:avLst/>
            </a:prstGeom>
          </p:spPr>
        </p:pic>
      </p:grpSp>
      <p:sp>
        <p:nvSpPr>
          <p:cNvPr id="6" name="Rectangle: Rounded Corners 5">
            <a:extLst>
              <a:ext uri="{FF2B5EF4-FFF2-40B4-BE49-F238E27FC236}">
                <a16:creationId xmlns:a16="http://schemas.microsoft.com/office/drawing/2014/main" id="{41D97D9B-EF23-41CF-A504-3FA563CAC465}"/>
              </a:ext>
            </a:extLst>
          </p:cNvPr>
          <p:cNvSpPr/>
          <p:nvPr/>
        </p:nvSpPr>
        <p:spPr>
          <a:xfrm>
            <a:off x="7730902" y="2788844"/>
            <a:ext cx="497891" cy="547680"/>
          </a:xfrm>
          <a:prstGeom prst="round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Tree>
    <p:extLst>
      <p:ext uri="{BB962C8B-B14F-4D97-AF65-F5344CB8AC3E}">
        <p14:creationId xmlns:p14="http://schemas.microsoft.com/office/powerpoint/2010/main" val="109634055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0" name="Graphic 149">
            <a:extLst>
              <a:ext uri="{FF2B5EF4-FFF2-40B4-BE49-F238E27FC236}">
                <a16:creationId xmlns:a16="http://schemas.microsoft.com/office/drawing/2014/main" id="{24B2885D-EC61-4E7E-8D25-05B3992FA37F}"/>
              </a:ext>
            </a:extLst>
          </p:cNvPr>
          <p:cNvPicPr>
            <a:picLocks noChangeAspect="1"/>
          </p:cNvPicPr>
          <p:nvPr>
            <p:custDataLst>
              <p:tags r:id="rId1"/>
            </p:custDataLst>
          </p:nvPr>
        </p:nvPicPr>
        <p:blipFill rotWithShape="1">
          <a:blip r:embed="rId16" cstate="screen">
            <a:extLst>
              <a:ext uri="{28A0092B-C50C-407E-A947-70E740481C1C}">
                <a14:useLocalDpi xmlns:a14="http://schemas.microsoft.com/office/drawing/2010/main"/>
              </a:ext>
              <a:ext uri="{96DAC541-7B7A-43D3-8B79-37D633B846F1}">
                <asvg:svgBlip xmlns:asvg="http://schemas.microsoft.com/office/drawing/2016/SVG/main" r:embed="rId17"/>
              </a:ext>
            </a:extLst>
          </a:blip>
          <a:srcRect l="72671" t="57288" r="15612" b="14090"/>
          <a:stretch/>
        </p:blipFill>
        <p:spPr>
          <a:xfrm flipH="1">
            <a:off x="7253900" y="3544257"/>
            <a:ext cx="1179855" cy="1919751"/>
          </a:xfrm>
          <a:prstGeom prst="rect">
            <a:avLst/>
          </a:prstGeom>
        </p:spPr>
      </p:pic>
      <p:sp>
        <p:nvSpPr>
          <p:cNvPr id="6" name="Rectangle 5">
            <a:extLst>
              <a:ext uri="{FF2B5EF4-FFF2-40B4-BE49-F238E27FC236}">
                <a16:creationId xmlns:a16="http://schemas.microsoft.com/office/drawing/2014/main" id="{5E203674-593B-411B-8D3C-79A0FEF035CE}"/>
              </a:ext>
            </a:extLst>
          </p:cNvPr>
          <p:cNvSpPr/>
          <p:nvPr/>
        </p:nvSpPr>
        <p:spPr>
          <a:xfrm>
            <a:off x="-10283" y="5473900"/>
            <a:ext cx="12202283" cy="141060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148" name="Graphic 147">
            <a:extLst>
              <a:ext uri="{FF2B5EF4-FFF2-40B4-BE49-F238E27FC236}">
                <a16:creationId xmlns:a16="http://schemas.microsoft.com/office/drawing/2014/main" id="{27679896-7EA1-4AE1-B2AA-561BA44748AA}"/>
              </a:ext>
            </a:extLst>
          </p:cNvPr>
          <p:cNvPicPr>
            <a:picLocks noChangeAspect="1"/>
          </p:cNvPicPr>
          <p:nvPr>
            <p:custDataLst>
              <p:tags r:id="rId2"/>
            </p:custDataLst>
          </p:nvPr>
        </p:nvPicPr>
        <p:blipFill rotWithShape="1">
          <a:blip r:embed="rId16" cstate="screen">
            <a:extLst>
              <a:ext uri="{28A0092B-C50C-407E-A947-70E740481C1C}">
                <a14:useLocalDpi xmlns:a14="http://schemas.microsoft.com/office/drawing/2010/main"/>
              </a:ext>
              <a:ext uri="{96DAC541-7B7A-43D3-8B79-37D633B846F1}">
                <asvg:svgBlip xmlns:asvg="http://schemas.microsoft.com/office/drawing/2016/SVG/main" r:embed="rId17"/>
              </a:ext>
            </a:extLst>
          </a:blip>
          <a:srcRect l="68196" t="57288" r="15612" b="14090"/>
          <a:stretch/>
        </p:blipFill>
        <p:spPr>
          <a:xfrm flipH="1">
            <a:off x="9576046" y="3788678"/>
            <a:ext cx="1419531" cy="1671448"/>
          </a:xfrm>
          <a:prstGeom prst="rect">
            <a:avLst/>
          </a:prstGeom>
        </p:spPr>
      </p:pic>
      <p:pic>
        <p:nvPicPr>
          <p:cNvPr id="8" name="Graphic 7">
            <a:extLst>
              <a:ext uri="{FF2B5EF4-FFF2-40B4-BE49-F238E27FC236}">
                <a16:creationId xmlns:a16="http://schemas.microsoft.com/office/drawing/2014/main" id="{211FBBBC-E61C-4D47-A1EE-527EDF389D4B}"/>
              </a:ext>
            </a:extLst>
          </p:cNvPr>
          <p:cNvPicPr>
            <a:picLocks noChangeAspect="1"/>
          </p:cNvPicPr>
          <p:nvPr>
            <p:custDataLst>
              <p:tags r:id="rId3"/>
            </p:custDataLst>
          </p:nvPr>
        </p:nvPicPr>
        <p:blipFill rotWithShape="1">
          <a:blip r:embed="rId16" cstate="screen">
            <a:extLst>
              <a:ext uri="{28A0092B-C50C-407E-A947-70E740481C1C}">
                <a14:useLocalDpi xmlns:a14="http://schemas.microsoft.com/office/drawing/2010/main"/>
              </a:ext>
              <a:ext uri="{96DAC541-7B7A-43D3-8B79-37D633B846F1}">
                <asvg:svgBlip xmlns:asvg="http://schemas.microsoft.com/office/drawing/2016/SVG/main" r:embed="rId17"/>
              </a:ext>
            </a:extLst>
          </a:blip>
          <a:srcRect l="50815" t="28061" r="15612"/>
          <a:stretch/>
        </p:blipFill>
        <p:spPr>
          <a:xfrm>
            <a:off x="3917611" y="1062379"/>
            <a:ext cx="3377541" cy="5423626"/>
          </a:xfrm>
          <a:prstGeom prst="rect">
            <a:avLst/>
          </a:prstGeom>
        </p:spPr>
      </p:pic>
      <p:pic>
        <p:nvPicPr>
          <p:cNvPr id="10" name="Graphic 9">
            <a:extLst>
              <a:ext uri="{FF2B5EF4-FFF2-40B4-BE49-F238E27FC236}">
                <a16:creationId xmlns:a16="http://schemas.microsoft.com/office/drawing/2014/main" id="{F27AF609-DE28-47ED-8D00-FA2148E5BF51}"/>
              </a:ext>
            </a:extLst>
          </p:cNvPr>
          <p:cNvPicPr>
            <a:picLocks noChangeAspect="1"/>
          </p:cNvPicPr>
          <p:nvPr>
            <p:custDataLst>
              <p:tags r:id="rId4"/>
            </p:custDataLst>
          </p:nvPr>
        </p:nvPicPr>
        <p:blipFill>
          <a:blip r:embed="rId18" cstate="screen">
            <a:extLst>
              <a:ext uri="{28A0092B-C50C-407E-A947-70E740481C1C}">
                <a14:useLocalDpi xmlns:a14="http://schemas.microsoft.com/office/drawing/2010/main"/>
              </a:ext>
              <a:ext uri="{96DAC541-7B7A-43D3-8B79-37D633B846F1}">
                <asvg:svgBlip xmlns:asvg="http://schemas.microsoft.com/office/drawing/2016/SVG/main" r:embed="rId19"/>
              </a:ext>
            </a:extLst>
          </a:blip>
          <a:srcRect/>
          <a:stretch>
            <a:fillRect/>
          </a:stretch>
        </p:blipFill>
        <p:spPr>
          <a:xfrm>
            <a:off x="2753451" y="5139609"/>
            <a:ext cx="435240" cy="326182"/>
          </a:xfrm>
          <a:prstGeom prst="rect">
            <a:avLst/>
          </a:prstGeom>
        </p:spPr>
      </p:pic>
      <p:pic>
        <p:nvPicPr>
          <p:cNvPr id="11" name="Picture 10" descr="A picture containing graphical user interface&#10;&#10;Description automatically generated">
            <a:extLst>
              <a:ext uri="{FF2B5EF4-FFF2-40B4-BE49-F238E27FC236}">
                <a16:creationId xmlns:a16="http://schemas.microsoft.com/office/drawing/2014/main" id="{5C3E4C89-1F40-4E83-8A45-2185F3B80A95}"/>
              </a:ext>
            </a:extLst>
          </p:cNvPr>
          <p:cNvPicPr>
            <a:picLocks noChangeAspect="1"/>
          </p:cNvPicPr>
          <p:nvPr/>
        </p:nvPicPr>
        <p:blipFill rotWithShape="1">
          <a:blip r:embed="rId20" cstate="screen">
            <a:extLst>
              <a:ext uri="{28A0092B-C50C-407E-A947-70E740481C1C}">
                <a14:useLocalDpi xmlns:a14="http://schemas.microsoft.com/office/drawing/2010/main"/>
              </a:ext>
            </a:extLst>
          </a:blip>
          <a:srcRect/>
          <a:stretch/>
        </p:blipFill>
        <p:spPr>
          <a:xfrm>
            <a:off x="7508368" y="4501714"/>
            <a:ext cx="3544562" cy="2111540"/>
          </a:xfrm>
          <a:prstGeom prst="rect">
            <a:avLst/>
          </a:prstGeom>
        </p:spPr>
      </p:pic>
      <p:pic>
        <p:nvPicPr>
          <p:cNvPr id="12" name="Graphic 11">
            <a:extLst>
              <a:ext uri="{FF2B5EF4-FFF2-40B4-BE49-F238E27FC236}">
                <a16:creationId xmlns:a16="http://schemas.microsoft.com/office/drawing/2014/main" id="{6F4043D6-7516-4E9C-9B16-5BF5A2EAD013}"/>
              </a:ext>
            </a:extLst>
          </p:cNvPr>
          <p:cNvPicPr>
            <a:picLocks noChangeAspect="1"/>
          </p:cNvPicPr>
          <p:nvPr>
            <p:custDataLst>
              <p:tags r:id="rId5"/>
            </p:custDataLst>
          </p:nvPr>
        </p:nvPicPr>
        <p:blipFill rotWithShape="1">
          <a:blip r:embed="rId21" cstate="screen">
            <a:extLst>
              <a:ext uri="{28A0092B-C50C-407E-A947-70E740481C1C}">
                <a14:useLocalDpi xmlns:a14="http://schemas.microsoft.com/office/drawing/2010/main"/>
              </a:ext>
              <a:ext uri="{96DAC541-7B7A-43D3-8B79-37D633B846F1}">
                <asvg:svgBlip xmlns:asvg="http://schemas.microsoft.com/office/drawing/2016/SVG/main" r:embed="rId22"/>
              </a:ext>
            </a:extLst>
          </a:blip>
          <a:srcRect l="61195"/>
          <a:stretch/>
        </p:blipFill>
        <p:spPr>
          <a:xfrm>
            <a:off x="1633254" y="4279035"/>
            <a:ext cx="620014" cy="1197437"/>
          </a:xfrm>
          <a:prstGeom prst="rect">
            <a:avLst/>
          </a:prstGeom>
        </p:spPr>
      </p:pic>
      <p:pic>
        <p:nvPicPr>
          <p:cNvPr id="14" name="Graphic 48">
            <a:extLst>
              <a:ext uri="{FF2B5EF4-FFF2-40B4-BE49-F238E27FC236}">
                <a16:creationId xmlns:a16="http://schemas.microsoft.com/office/drawing/2014/main" id="{676EE60C-D1D7-4393-90DA-CC06C415964B}"/>
              </a:ext>
            </a:extLst>
          </p:cNvPr>
          <p:cNvPicPr>
            <a:picLocks noChangeAspect="1"/>
          </p:cNvPicPr>
          <p:nvPr>
            <p:custDataLst>
              <p:tags r:id="rId6"/>
            </p:custDataLst>
          </p:nvPr>
        </p:nvPicPr>
        <p:blipFill rotWithShape="1">
          <a:blip r:embed="rId23" cstate="screen">
            <a:extLst>
              <a:ext uri="{28A0092B-C50C-407E-A947-70E740481C1C}">
                <a14:useLocalDpi xmlns:a14="http://schemas.microsoft.com/office/drawing/2010/main"/>
              </a:ext>
              <a:ext uri="{96DAC541-7B7A-43D3-8B79-37D633B846F1}">
                <asvg:svgBlip xmlns:asvg="http://schemas.microsoft.com/office/drawing/2016/SVG/main" r:embed="rId24"/>
              </a:ext>
            </a:extLst>
          </a:blip>
          <a:srcRect l="37372" t="69916" r="38"/>
          <a:stretch/>
        </p:blipFill>
        <p:spPr>
          <a:xfrm>
            <a:off x="5852465" y="5233500"/>
            <a:ext cx="683650" cy="246252"/>
          </a:xfrm>
          <a:prstGeom prst="rect">
            <a:avLst/>
          </a:prstGeom>
        </p:spPr>
      </p:pic>
      <p:pic>
        <p:nvPicPr>
          <p:cNvPr id="15" name="Graphic 14">
            <a:extLst>
              <a:ext uri="{FF2B5EF4-FFF2-40B4-BE49-F238E27FC236}">
                <a16:creationId xmlns:a16="http://schemas.microsoft.com/office/drawing/2014/main" id="{5E4E5EB0-FD0C-4D08-8F76-A0314C415A7A}"/>
              </a:ext>
            </a:extLst>
          </p:cNvPr>
          <p:cNvPicPr>
            <a:picLocks noChangeAspect="1"/>
          </p:cNvPicPr>
          <p:nvPr>
            <p:custDataLst>
              <p:tags r:id="rId7"/>
            </p:custDataLst>
          </p:nvPr>
        </p:nvPicPr>
        <p:blipFill rotWithShape="1">
          <a:blip r:embed="rId25" cstate="screen">
            <a:extLst>
              <a:ext uri="{28A0092B-C50C-407E-A947-70E740481C1C}">
                <a14:useLocalDpi xmlns:a14="http://schemas.microsoft.com/office/drawing/2010/main"/>
              </a:ext>
              <a:ext uri="{96DAC541-7B7A-43D3-8B79-37D633B846F1}">
                <asvg:svgBlip xmlns:asvg="http://schemas.microsoft.com/office/drawing/2016/SVG/main" r:embed="rId26"/>
              </a:ext>
            </a:extLst>
          </a:blip>
          <a:srcRect l="2757" t="14946" r="67648" b="73352"/>
          <a:stretch/>
        </p:blipFill>
        <p:spPr>
          <a:xfrm>
            <a:off x="5689790" y="562320"/>
            <a:ext cx="1705403" cy="505362"/>
          </a:xfrm>
          <a:prstGeom prst="rect">
            <a:avLst/>
          </a:prstGeom>
        </p:spPr>
      </p:pic>
      <p:sp>
        <p:nvSpPr>
          <p:cNvPr id="16" name="TextBox 15">
            <a:extLst>
              <a:ext uri="{FF2B5EF4-FFF2-40B4-BE49-F238E27FC236}">
                <a16:creationId xmlns:a16="http://schemas.microsoft.com/office/drawing/2014/main" id="{FC3D8B04-D473-4190-B1BC-DD9485E89EE5}"/>
              </a:ext>
            </a:extLst>
          </p:cNvPr>
          <p:cNvSpPr txBox="1"/>
          <p:nvPr/>
        </p:nvSpPr>
        <p:spPr>
          <a:xfrm>
            <a:off x="3843373" y="5635963"/>
            <a:ext cx="1660525" cy="400110"/>
          </a:xfrm>
          <a:prstGeom prst="rect">
            <a:avLst/>
          </a:prstGeom>
          <a:noFill/>
        </p:spPr>
        <p:txBody>
          <a:bodyPr wrap="square">
            <a:spAutoFit/>
          </a:bodyPr>
          <a:lstStyle/>
          <a:p>
            <a:pPr algn="r"/>
            <a:r>
              <a:rPr lang="en-GB" sz="1000" b="1" dirty="0" err="1">
                <a:solidFill>
                  <a:schemeClr val="bg1"/>
                </a:solidFill>
              </a:rPr>
              <a:t>Chytrá</a:t>
            </a:r>
            <a:endParaRPr lang="en-GB" sz="1000" b="1" dirty="0">
              <a:solidFill>
                <a:schemeClr val="bg1"/>
              </a:solidFill>
            </a:endParaRPr>
          </a:p>
          <a:p>
            <a:pPr algn="r"/>
            <a:r>
              <a:rPr lang="en-GB" sz="1000" b="1" dirty="0" err="1">
                <a:solidFill>
                  <a:schemeClr val="bg1"/>
                </a:solidFill>
              </a:rPr>
              <a:t>parkoviště</a:t>
            </a:r>
            <a:endParaRPr lang="en-GB" dirty="0"/>
          </a:p>
        </p:txBody>
      </p:sp>
      <p:pic>
        <p:nvPicPr>
          <p:cNvPr id="17" name="Graphic 16">
            <a:extLst>
              <a:ext uri="{FF2B5EF4-FFF2-40B4-BE49-F238E27FC236}">
                <a16:creationId xmlns:a16="http://schemas.microsoft.com/office/drawing/2014/main" id="{5F570A7F-6E68-4E3C-8FA0-8D312C99084C}"/>
              </a:ext>
            </a:extLst>
          </p:cNvPr>
          <p:cNvPicPr>
            <a:picLocks noChangeAspect="1"/>
          </p:cNvPicPr>
          <p:nvPr>
            <p:custDataLst>
              <p:tags r:id="rId8"/>
            </p:custDataLst>
          </p:nvPr>
        </p:nvPicPr>
        <p:blipFill rotWithShape="1">
          <a:blip r:embed="rId25" cstate="screen">
            <a:extLst>
              <a:ext uri="{28A0092B-C50C-407E-A947-70E740481C1C}">
                <a14:useLocalDpi xmlns:a14="http://schemas.microsoft.com/office/drawing/2010/main"/>
              </a:ext>
              <a:ext uri="{96DAC541-7B7A-43D3-8B79-37D633B846F1}">
                <asvg:svgBlip xmlns:asvg="http://schemas.microsoft.com/office/drawing/2016/SVG/main" r:embed="rId26"/>
              </a:ext>
            </a:extLst>
          </a:blip>
          <a:srcRect l="62107" t="53418" r="-585" b="16217"/>
          <a:stretch/>
        </p:blipFill>
        <p:spPr>
          <a:xfrm>
            <a:off x="-10283" y="4575861"/>
            <a:ext cx="1504719" cy="889930"/>
          </a:xfrm>
          <a:prstGeom prst="rect">
            <a:avLst/>
          </a:prstGeom>
        </p:spPr>
      </p:pic>
      <p:sp>
        <p:nvSpPr>
          <p:cNvPr id="18" name="TextBox 17">
            <a:extLst>
              <a:ext uri="{FF2B5EF4-FFF2-40B4-BE49-F238E27FC236}">
                <a16:creationId xmlns:a16="http://schemas.microsoft.com/office/drawing/2014/main" id="{C661B3FD-0B0B-4124-AE8A-6E18D4A27EBB}"/>
              </a:ext>
            </a:extLst>
          </p:cNvPr>
          <p:cNvSpPr txBox="1"/>
          <p:nvPr/>
        </p:nvSpPr>
        <p:spPr>
          <a:xfrm>
            <a:off x="425008" y="2569658"/>
            <a:ext cx="1324993" cy="553998"/>
          </a:xfrm>
          <a:prstGeom prst="rect">
            <a:avLst/>
          </a:prstGeom>
          <a:noFill/>
        </p:spPr>
        <p:txBody>
          <a:bodyPr wrap="square">
            <a:spAutoFit/>
          </a:bodyPr>
          <a:lstStyle/>
          <a:p>
            <a:r>
              <a:rPr lang="en-GB" sz="1000" b="1" dirty="0" err="1">
                <a:solidFill>
                  <a:schemeClr val="bg1"/>
                </a:solidFill>
              </a:rPr>
              <a:t>Monitorování</a:t>
            </a:r>
            <a:r>
              <a:rPr lang="en-GB" sz="1000" b="1" dirty="0">
                <a:solidFill>
                  <a:schemeClr val="bg1"/>
                </a:solidFill>
              </a:rPr>
              <a:t> a </a:t>
            </a:r>
            <a:r>
              <a:rPr lang="en-GB" sz="1000" b="1" dirty="0" err="1">
                <a:solidFill>
                  <a:schemeClr val="bg1"/>
                </a:solidFill>
              </a:rPr>
              <a:t>analýza</a:t>
            </a:r>
            <a:r>
              <a:rPr lang="en-GB" sz="1000" b="1" dirty="0">
                <a:solidFill>
                  <a:schemeClr val="bg1"/>
                </a:solidFill>
              </a:rPr>
              <a:t> </a:t>
            </a:r>
            <a:r>
              <a:rPr lang="en-GB" sz="1000" b="1" dirty="0" err="1">
                <a:solidFill>
                  <a:schemeClr val="bg1"/>
                </a:solidFill>
              </a:rPr>
              <a:t>dopravního</a:t>
            </a:r>
            <a:r>
              <a:rPr lang="en-GB" sz="1000" b="1" dirty="0">
                <a:solidFill>
                  <a:schemeClr val="bg1"/>
                </a:solidFill>
              </a:rPr>
              <a:t> </a:t>
            </a:r>
            <a:r>
              <a:rPr lang="en-GB" sz="1000" b="1" dirty="0" err="1">
                <a:solidFill>
                  <a:schemeClr val="bg1"/>
                </a:solidFill>
              </a:rPr>
              <a:t>toku</a:t>
            </a:r>
            <a:endParaRPr lang="en-GB" dirty="0"/>
          </a:p>
        </p:txBody>
      </p:sp>
      <p:sp>
        <p:nvSpPr>
          <p:cNvPr id="19" name="TextBox 18">
            <a:extLst>
              <a:ext uri="{FF2B5EF4-FFF2-40B4-BE49-F238E27FC236}">
                <a16:creationId xmlns:a16="http://schemas.microsoft.com/office/drawing/2014/main" id="{6C5EB5B4-3373-4AAE-9B5B-9A167AD3F8CA}"/>
              </a:ext>
            </a:extLst>
          </p:cNvPr>
          <p:cNvSpPr txBox="1"/>
          <p:nvPr/>
        </p:nvSpPr>
        <p:spPr>
          <a:xfrm>
            <a:off x="8133069" y="3665649"/>
            <a:ext cx="1603403" cy="400110"/>
          </a:xfrm>
          <a:prstGeom prst="rect">
            <a:avLst/>
          </a:prstGeom>
          <a:noFill/>
        </p:spPr>
        <p:txBody>
          <a:bodyPr wrap="square">
            <a:spAutoFit/>
          </a:bodyPr>
          <a:lstStyle/>
          <a:p>
            <a:pPr algn="r"/>
            <a:r>
              <a:rPr lang="en-GB" sz="1000" b="1" dirty="0" err="1">
                <a:solidFill>
                  <a:schemeClr val="bg1"/>
                </a:solidFill>
              </a:rPr>
              <a:t>Optimalizace</a:t>
            </a:r>
            <a:r>
              <a:rPr lang="en-GB" sz="1000" b="1" dirty="0">
                <a:solidFill>
                  <a:schemeClr val="bg1"/>
                </a:solidFill>
              </a:rPr>
              <a:t> </a:t>
            </a:r>
            <a:r>
              <a:rPr lang="en-GB" sz="1000" b="1" dirty="0" err="1">
                <a:solidFill>
                  <a:schemeClr val="bg1"/>
                </a:solidFill>
              </a:rPr>
              <a:t>trasy</a:t>
            </a:r>
            <a:r>
              <a:rPr lang="en-GB" sz="1000" b="1" dirty="0">
                <a:solidFill>
                  <a:schemeClr val="bg1"/>
                </a:solidFill>
              </a:rPr>
              <a:t> a </a:t>
            </a:r>
            <a:r>
              <a:rPr lang="en-GB" sz="1000" b="1" dirty="0" err="1">
                <a:solidFill>
                  <a:schemeClr val="bg1"/>
                </a:solidFill>
              </a:rPr>
              <a:t>plánování</a:t>
            </a:r>
            <a:endParaRPr lang="en-GB" dirty="0"/>
          </a:p>
        </p:txBody>
      </p:sp>
      <p:sp>
        <p:nvSpPr>
          <p:cNvPr id="20" name="TextBox 19">
            <a:extLst>
              <a:ext uri="{FF2B5EF4-FFF2-40B4-BE49-F238E27FC236}">
                <a16:creationId xmlns:a16="http://schemas.microsoft.com/office/drawing/2014/main" id="{5A79C04F-8E14-43F8-A733-602C5EB28849}"/>
              </a:ext>
            </a:extLst>
          </p:cNvPr>
          <p:cNvSpPr txBox="1"/>
          <p:nvPr/>
        </p:nvSpPr>
        <p:spPr>
          <a:xfrm>
            <a:off x="8940015" y="2821581"/>
            <a:ext cx="1049613" cy="553998"/>
          </a:xfrm>
          <a:prstGeom prst="rect">
            <a:avLst/>
          </a:prstGeom>
          <a:noFill/>
        </p:spPr>
        <p:txBody>
          <a:bodyPr wrap="square">
            <a:spAutoFit/>
          </a:bodyPr>
          <a:lstStyle/>
          <a:p>
            <a:pPr algn="r"/>
            <a:r>
              <a:rPr lang="en-GB" sz="1000" b="1" dirty="0" err="1">
                <a:solidFill>
                  <a:schemeClr val="bg1"/>
                </a:solidFill>
              </a:rPr>
              <a:t>Analýza</a:t>
            </a:r>
            <a:r>
              <a:rPr lang="en-GB" sz="1000" b="1" dirty="0">
                <a:solidFill>
                  <a:schemeClr val="bg1"/>
                </a:solidFill>
              </a:rPr>
              <a:t> a </a:t>
            </a:r>
            <a:r>
              <a:rPr lang="en-GB" sz="1000" b="1" dirty="0" err="1">
                <a:solidFill>
                  <a:schemeClr val="bg1"/>
                </a:solidFill>
              </a:rPr>
              <a:t>optimalizace</a:t>
            </a:r>
            <a:r>
              <a:rPr lang="en-GB" sz="1000" b="1" dirty="0">
                <a:solidFill>
                  <a:schemeClr val="bg1"/>
                </a:solidFill>
              </a:rPr>
              <a:t> mobility</a:t>
            </a:r>
            <a:endParaRPr lang="en-GB" dirty="0"/>
          </a:p>
        </p:txBody>
      </p:sp>
      <p:sp>
        <p:nvSpPr>
          <p:cNvPr id="21" name="TextBox 20">
            <a:extLst>
              <a:ext uri="{FF2B5EF4-FFF2-40B4-BE49-F238E27FC236}">
                <a16:creationId xmlns:a16="http://schemas.microsoft.com/office/drawing/2014/main" id="{EB1615FC-3B63-426E-A8F8-98A6F8BC07CD}"/>
              </a:ext>
            </a:extLst>
          </p:cNvPr>
          <p:cNvSpPr txBox="1"/>
          <p:nvPr/>
        </p:nvSpPr>
        <p:spPr>
          <a:xfrm>
            <a:off x="10639840" y="3411359"/>
            <a:ext cx="997778" cy="400110"/>
          </a:xfrm>
          <a:prstGeom prst="rect">
            <a:avLst/>
          </a:prstGeom>
          <a:noFill/>
        </p:spPr>
        <p:txBody>
          <a:bodyPr wrap="square">
            <a:spAutoFit/>
          </a:bodyPr>
          <a:lstStyle/>
          <a:p>
            <a:pPr algn="r"/>
            <a:r>
              <a:rPr lang="en-GB" sz="1000" b="1" dirty="0" err="1">
                <a:solidFill>
                  <a:schemeClr val="bg1"/>
                </a:solidFill>
              </a:rPr>
              <a:t>Pandemická</a:t>
            </a:r>
            <a:r>
              <a:rPr lang="en-GB" sz="1000" b="1" dirty="0">
                <a:solidFill>
                  <a:schemeClr val="bg1"/>
                </a:solidFill>
              </a:rPr>
              <a:t> </a:t>
            </a:r>
            <a:r>
              <a:rPr lang="en-GB" sz="1000" b="1" dirty="0" err="1">
                <a:solidFill>
                  <a:schemeClr val="bg1"/>
                </a:solidFill>
              </a:rPr>
              <a:t>reakce</a:t>
            </a:r>
            <a:endParaRPr lang="en-GB" dirty="0"/>
          </a:p>
        </p:txBody>
      </p:sp>
      <p:sp>
        <p:nvSpPr>
          <p:cNvPr id="22" name="TextBox 21">
            <a:extLst>
              <a:ext uri="{FF2B5EF4-FFF2-40B4-BE49-F238E27FC236}">
                <a16:creationId xmlns:a16="http://schemas.microsoft.com/office/drawing/2014/main" id="{6AC29892-3AFC-49C4-8373-4126F22BBC1C}"/>
              </a:ext>
            </a:extLst>
          </p:cNvPr>
          <p:cNvSpPr txBox="1"/>
          <p:nvPr/>
        </p:nvSpPr>
        <p:spPr>
          <a:xfrm>
            <a:off x="216346" y="5644369"/>
            <a:ext cx="1362901" cy="400110"/>
          </a:xfrm>
          <a:prstGeom prst="rect">
            <a:avLst/>
          </a:prstGeom>
          <a:noFill/>
        </p:spPr>
        <p:txBody>
          <a:bodyPr wrap="square" lIns="91440" tIns="45720" rIns="91440" bIns="45720" anchor="t">
            <a:spAutoFit/>
          </a:bodyPr>
          <a:lstStyle>
            <a:defPPr>
              <a:defRPr lang="en-US"/>
            </a:defPPr>
            <a:lvl1pPr>
              <a:defRPr sz="1000" b="1">
                <a:solidFill>
                  <a:schemeClr val="bg1"/>
                </a:solidFill>
              </a:defRPr>
            </a:lvl1pPr>
          </a:lstStyle>
          <a:p>
            <a:pPr algn="r"/>
            <a:r>
              <a:rPr lang="en-GB" dirty="0"/>
              <a:t>Management </a:t>
            </a:r>
            <a:r>
              <a:rPr lang="en-GB" dirty="0" err="1"/>
              <a:t>incidentů</a:t>
            </a:r>
            <a:endParaRPr lang="en-GB" dirty="0"/>
          </a:p>
        </p:txBody>
      </p:sp>
      <p:sp>
        <p:nvSpPr>
          <p:cNvPr id="23" name="TextBox 22">
            <a:extLst>
              <a:ext uri="{FF2B5EF4-FFF2-40B4-BE49-F238E27FC236}">
                <a16:creationId xmlns:a16="http://schemas.microsoft.com/office/drawing/2014/main" id="{004E10B2-022E-4E61-A054-9F4969E349DB}"/>
              </a:ext>
            </a:extLst>
          </p:cNvPr>
          <p:cNvSpPr txBox="1"/>
          <p:nvPr/>
        </p:nvSpPr>
        <p:spPr>
          <a:xfrm>
            <a:off x="4411945" y="1544360"/>
            <a:ext cx="1300049" cy="400110"/>
          </a:xfrm>
          <a:prstGeom prst="rect">
            <a:avLst/>
          </a:prstGeom>
          <a:noFill/>
        </p:spPr>
        <p:txBody>
          <a:bodyPr wrap="square">
            <a:spAutoFit/>
          </a:bodyPr>
          <a:lstStyle/>
          <a:p>
            <a:r>
              <a:rPr lang="en-GB" sz="1000" b="1" dirty="0" err="1">
                <a:solidFill>
                  <a:schemeClr val="bg1"/>
                </a:solidFill>
              </a:rPr>
              <a:t>Regulace</a:t>
            </a:r>
            <a:r>
              <a:rPr lang="en-GB" sz="1000" b="1" dirty="0">
                <a:solidFill>
                  <a:schemeClr val="bg1"/>
                </a:solidFill>
              </a:rPr>
              <a:t> </a:t>
            </a:r>
            <a:r>
              <a:rPr lang="en-GB" sz="1000" b="1" dirty="0" err="1">
                <a:solidFill>
                  <a:schemeClr val="bg1"/>
                </a:solidFill>
              </a:rPr>
              <a:t>teploty</a:t>
            </a:r>
            <a:r>
              <a:rPr lang="en-GB" sz="1000" b="1" dirty="0">
                <a:solidFill>
                  <a:schemeClr val="bg1"/>
                </a:solidFill>
              </a:rPr>
              <a:t> a </a:t>
            </a:r>
            <a:r>
              <a:rPr lang="en-GB" sz="1000" b="1" dirty="0" err="1">
                <a:solidFill>
                  <a:schemeClr val="bg1"/>
                </a:solidFill>
              </a:rPr>
              <a:t>energie</a:t>
            </a:r>
            <a:endParaRPr lang="en-GB" dirty="0"/>
          </a:p>
        </p:txBody>
      </p:sp>
      <p:sp>
        <p:nvSpPr>
          <p:cNvPr id="24" name="TextBox 23">
            <a:extLst>
              <a:ext uri="{FF2B5EF4-FFF2-40B4-BE49-F238E27FC236}">
                <a16:creationId xmlns:a16="http://schemas.microsoft.com/office/drawing/2014/main" id="{73F0B83F-7EFE-4B0F-BCD1-E9552D436FD1}"/>
              </a:ext>
            </a:extLst>
          </p:cNvPr>
          <p:cNvSpPr txBox="1"/>
          <p:nvPr/>
        </p:nvSpPr>
        <p:spPr>
          <a:xfrm>
            <a:off x="7173551" y="3259918"/>
            <a:ext cx="1039223" cy="246221"/>
          </a:xfrm>
          <a:prstGeom prst="rect">
            <a:avLst/>
          </a:prstGeom>
          <a:noFill/>
        </p:spPr>
        <p:txBody>
          <a:bodyPr wrap="square">
            <a:spAutoFit/>
          </a:bodyPr>
          <a:lstStyle/>
          <a:p>
            <a:pPr algn="r"/>
            <a:r>
              <a:rPr lang="en-GB" sz="1000" b="1" dirty="0" err="1">
                <a:solidFill>
                  <a:schemeClr val="bg1"/>
                </a:solidFill>
              </a:rPr>
              <a:t>Řízení</a:t>
            </a:r>
            <a:r>
              <a:rPr lang="en-GB" sz="1000" b="1" dirty="0">
                <a:solidFill>
                  <a:schemeClr val="bg1"/>
                </a:solidFill>
              </a:rPr>
              <a:t> </a:t>
            </a:r>
            <a:r>
              <a:rPr lang="en-GB" sz="1000" b="1" dirty="0" err="1">
                <a:solidFill>
                  <a:schemeClr val="bg1"/>
                </a:solidFill>
              </a:rPr>
              <a:t>davu</a:t>
            </a:r>
            <a:endParaRPr lang="en-GB" dirty="0"/>
          </a:p>
        </p:txBody>
      </p:sp>
      <p:sp>
        <p:nvSpPr>
          <p:cNvPr id="25" name="TextBox 24">
            <a:extLst>
              <a:ext uri="{FF2B5EF4-FFF2-40B4-BE49-F238E27FC236}">
                <a16:creationId xmlns:a16="http://schemas.microsoft.com/office/drawing/2014/main" id="{C8BC592E-FCEE-4A6C-A8BC-6ED42DDCF8AD}"/>
              </a:ext>
            </a:extLst>
          </p:cNvPr>
          <p:cNvSpPr txBox="1"/>
          <p:nvPr/>
        </p:nvSpPr>
        <p:spPr>
          <a:xfrm>
            <a:off x="2614895" y="2852304"/>
            <a:ext cx="972538" cy="553998"/>
          </a:xfrm>
          <a:prstGeom prst="rect">
            <a:avLst/>
          </a:prstGeom>
          <a:noFill/>
        </p:spPr>
        <p:txBody>
          <a:bodyPr wrap="square">
            <a:spAutoFit/>
          </a:bodyPr>
          <a:lstStyle/>
          <a:p>
            <a:pPr algn="r"/>
            <a:r>
              <a:rPr lang="en-GB" sz="1000" b="1" dirty="0" err="1">
                <a:solidFill>
                  <a:schemeClr val="bg1"/>
                </a:solidFill>
              </a:rPr>
              <a:t>Bezpečnost</a:t>
            </a:r>
            <a:r>
              <a:rPr lang="en-GB" sz="1000" b="1" dirty="0">
                <a:solidFill>
                  <a:schemeClr val="bg1"/>
                </a:solidFill>
              </a:rPr>
              <a:t> </a:t>
            </a:r>
            <a:r>
              <a:rPr lang="en-GB" sz="1000" b="1" dirty="0" err="1">
                <a:solidFill>
                  <a:schemeClr val="bg1"/>
                </a:solidFill>
              </a:rPr>
              <a:t>veřejných</a:t>
            </a:r>
            <a:r>
              <a:rPr lang="en-GB" sz="1000" b="1" dirty="0">
                <a:solidFill>
                  <a:schemeClr val="bg1"/>
                </a:solidFill>
              </a:rPr>
              <a:t> </a:t>
            </a:r>
            <a:r>
              <a:rPr lang="en-GB" sz="1000" b="1" dirty="0" err="1">
                <a:solidFill>
                  <a:schemeClr val="bg1"/>
                </a:solidFill>
              </a:rPr>
              <a:t>budov</a:t>
            </a:r>
            <a:endParaRPr lang="en-GB" dirty="0"/>
          </a:p>
        </p:txBody>
      </p:sp>
      <p:sp>
        <p:nvSpPr>
          <p:cNvPr id="26" name="TextBox 25">
            <a:extLst>
              <a:ext uri="{FF2B5EF4-FFF2-40B4-BE49-F238E27FC236}">
                <a16:creationId xmlns:a16="http://schemas.microsoft.com/office/drawing/2014/main" id="{733ADFE0-269D-443D-B35A-28297C7C896E}"/>
              </a:ext>
            </a:extLst>
          </p:cNvPr>
          <p:cNvSpPr txBox="1"/>
          <p:nvPr/>
        </p:nvSpPr>
        <p:spPr>
          <a:xfrm>
            <a:off x="2999989" y="5635963"/>
            <a:ext cx="1220048" cy="400110"/>
          </a:xfrm>
          <a:prstGeom prst="rect">
            <a:avLst/>
          </a:prstGeom>
          <a:noFill/>
        </p:spPr>
        <p:txBody>
          <a:bodyPr wrap="square">
            <a:spAutoFit/>
          </a:bodyPr>
          <a:lstStyle/>
          <a:p>
            <a:r>
              <a:rPr lang="en-GB" sz="1000" b="1" dirty="0" err="1">
                <a:solidFill>
                  <a:schemeClr val="bg1"/>
                </a:solidFill>
              </a:rPr>
              <a:t>Sledování</a:t>
            </a:r>
            <a:r>
              <a:rPr lang="en-GB" sz="1000" b="1" dirty="0">
                <a:solidFill>
                  <a:schemeClr val="bg1"/>
                </a:solidFill>
              </a:rPr>
              <a:t> </a:t>
            </a:r>
            <a:r>
              <a:rPr lang="en-GB" sz="1000" b="1" dirty="0" err="1">
                <a:solidFill>
                  <a:schemeClr val="bg1"/>
                </a:solidFill>
              </a:rPr>
              <a:t>hlídek</a:t>
            </a:r>
            <a:endParaRPr lang="en-GB" dirty="0"/>
          </a:p>
        </p:txBody>
      </p:sp>
      <p:pic>
        <p:nvPicPr>
          <p:cNvPr id="27" name="Content Placeholder 13" descr="A picture containing diagram&#10;&#10;Description automatically generated">
            <a:extLst>
              <a:ext uri="{FF2B5EF4-FFF2-40B4-BE49-F238E27FC236}">
                <a16:creationId xmlns:a16="http://schemas.microsoft.com/office/drawing/2014/main" id="{289C03E3-8D60-46E6-94EE-4DA1FE6416AB}"/>
              </a:ext>
            </a:extLst>
          </p:cNvPr>
          <p:cNvPicPr>
            <a:picLocks noChangeAspect="1"/>
          </p:cNvPicPr>
          <p:nvPr/>
        </p:nvPicPr>
        <p:blipFill rotWithShape="1">
          <a:blip r:embed="rId27" cstate="screen">
            <a:clrChange>
              <a:clrFrom>
                <a:srgbClr val="58B8E2"/>
              </a:clrFrom>
              <a:clrTo>
                <a:srgbClr val="58B8E2">
                  <a:alpha val="0"/>
                </a:srgbClr>
              </a:clrTo>
            </a:clrChange>
            <a:extLst>
              <a:ext uri="{BEBA8EAE-BF5A-486C-A8C5-ECC9F3942E4B}">
                <a14:imgProps xmlns:a14="http://schemas.microsoft.com/office/drawing/2010/main">
                  <a14:imgLayer r:embed="rId28">
                    <a14:imgEffect>
                      <a14:backgroundRemoval t="8642" b="95062" l="8511" r="100000">
                        <a14:foregroundMark x1="40426" y1="93827" x2="80851" y2="51852"/>
                        <a14:foregroundMark x1="80851" y1="51852" x2="87234" y2="37037"/>
                        <a14:foregroundMark x1="63830" y1="97531" x2="87234" y2="97531"/>
                        <a14:foregroundMark x1="87234" y1="97531" x2="93617" y2="96296"/>
                        <a14:foregroundMark x1="93617" y1="96296" x2="95745" y2="60494"/>
                        <a14:foregroundMark x1="93617" y1="23457" x2="93617" y2="23457"/>
                        <a14:foregroundMark x1="91489" y1="23457" x2="97872" y2="19753"/>
                        <a14:foregroundMark x1="91489" y1="24691" x2="89362" y2="27160"/>
                      </a14:backgroundRemoval>
                    </a14:imgEffect>
                  </a14:imgLayer>
                </a14:imgProps>
              </a:ext>
              <a:ext uri="{28A0092B-C50C-407E-A947-70E740481C1C}">
                <a14:useLocalDpi xmlns:a14="http://schemas.microsoft.com/office/drawing/2010/main"/>
              </a:ext>
            </a:extLst>
          </a:blip>
          <a:srcRect/>
          <a:stretch/>
        </p:blipFill>
        <p:spPr>
          <a:xfrm>
            <a:off x="3623896" y="4962374"/>
            <a:ext cx="298014" cy="513208"/>
          </a:xfrm>
          <a:prstGeom prst="rect">
            <a:avLst/>
          </a:prstGeom>
          <a:noFill/>
        </p:spPr>
      </p:pic>
      <p:sp>
        <p:nvSpPr>
          <p:cNvPr id="28" name="TextBox 27">
            <a:extLst>
              <a:ext uri="{FF2B5EF4-FFF2-40B4-BE49-F238E27FC236}">
                <a16:creationId xmlns:a16="http://schemas.microsoft.com/office/drawing/2014/main" id="{F2FA13AB-2F7B-4835-988F-DC231D6580C6}"/>
              </a:ext>
            </a:extLst>
          </p:cNvPr>
          <p:cNvSpPr txBox="1"/>
          <p:nvPr/>
        </p:nvSpPr>
        <p:spPr>
          <a:xfrm>
            <a:off x="6102294" y="5635963"/>
            <a:ext cx="1121826" cy="400110"/>
          </a:xfrm>
          <a:prstGeom prst="rect">
            <a:avLst/>
          </a:prstGeom>
          <a:noFill/>
        </p:spPr>
        <p:txBody>
          <a:bodyPr wrap="square">
            <a:spAutoFit/>
          </a:bodyPr>
          <a:lstStyle/>
          <a:p>
            <a:pPr algn="r"/>
            <a:r>
              <a:rPr lang="en-GB" sz="1000" b="1" dirty="0" err="1">
                <a:solidFill>
                  <a:schemeClr val="bg1"/>
                </a:solidFill>
              </a:rPr>
              <a:t>Občanská</a:t>
            </a:r>
            <a:r>
              <a:rPr lang="en-GB" sz="1000" b="1" dirty="0">
                <a:solidFill>
                  <a:schemeClr val="bg1"/>
                </a:solidFill>
              </a:rPr>
              <a:t> </a:t>
            </a:r>
            <a:r>
              <a:rPr lang="en-GB" sz="1000" b="1" dirty="0" err="1">
                <a:solidFill>
                  <a:schemeClr val="bg1"/>
                </a:solidFill>
              </a:rPr>
              <a:t>angažovanost</a:t>
            </a:r>
            <a:endParaRPr lang="en-GB" dirty="0"/>
          </a:p>
        </p:txBody>
      </p:sp>
      <p:sp>
        <p:nvSpPr>
          <p:cNvPr id="29" name="TextBox 28">
            <a:extLst>
              <a:ext uri="{FF2B5EF4-FFF2-40B4-BE49-F238E27FC236}">
                <a16:creationId xmlns:a16="http://schemas.microsoft.com/office/drawing/2014/main" id="{3411A6C7-7D0F-4C19-AE2B-4C67364DA5BB}"/>
              </a:ext>
            </a:extLst>
          </p:cNvPr>
          <p:cNvSpPr txBox="1"/>
          <p:nvPr/>
        </p:nvSpPr>
        <p:spPr>
          <a:xfrm>
            <a:off x="9404996" y="723358"/>
            <a:ext cx="1169263" cy="400110"/>
          </a:xfrm>
          <a:prstGeom prst="rect">
            <a:avLst/>
          </a:prstGeom>
          <a:noFill/>
        </p:spPr>
        <p:txBody>
          <a:bodyPr wrap="square">
            <a:spAutoFit/>
          </a:bodyPr>
          <a:lstStyle/>
          <a:p>
            <a:pPr algn="r"/>
            <a:r>
              <a:rPr lang="en-GB" sz="1000" b="1" dirty="0" err="1">
                <a:solidFill>
                  <a:schemeClr val="bg1"/>
                </a:solidFill>
              </a:rPr>
              <a:t>Vizualizace</a:t>
            </a:r>
            <a:r>
              <a:rPr lang="en-GB" sz="1000" b="1" dirty="0">
                <a:solidFill>
                  <a:schemeClr val="bg1"/>
                </a:solidFill>
              </a:rPr>
              <a:t> v </a:t>
            </a:r>
            <a:r>
              <a:rPr lang="en-GB" sz="1000" b="1" dirty="0" err="1">
                <a:solidFill>
                  <a:schemeClr val="bg1"/>
                </a:solidFill>
              </a:rPr>
              <a:t>reálném</a:t>
            </a:r>
            <a:r>
              <a:rPr lang="en-GB" sz="1000" b="1" dirty="0">
                <a:solidFill>
                  <a:schemeClr val="bg1"/>
                </a:solidFill>
              </a:rPr>
              <a:t> </a:t>
            </a:r>
            <a:r>
              <a:rPr lang="en-GB" sz="1000" b="1" dirty="0" err="1">
                <a:solidFill>
                  <a:schemeClr val="bg1"/>
                </a:solidFill>
              </a:rPr>
              <a:t>čase</a:t>
            </a:r>
            <a:endParaRPr lang="en-GB" dirty="0"/>
          </a:p>
        </p:txBody>
      </p:sp>
      <p:sp>
        <p:nvSpPr>
          <p:cNvPr id="30" name="TextBox 29">
            <a:extLst>
              <a:ext uri="{FF2B5EF4-FFF2-40B4-BE49-F238E27FC236}">
                <a16:creationId xmlns:a16="http://schemas.microsoft.com/office/drawing/2014/main" id="{8D2792BC-1B16-4FE1-9A49-36820CBE4EB4}"/>
              </a:ext>
            </a:extLst>
          </p:cNvPr>
          <p:cNvSpPr txBox="1"/>
          <p:nvPr/>
        </p:nvSpPr>
        <p:spPr>
          <a:xfrm>
            <a:off x="7262930" y="2028644"/>
            <a:ext cx="1202637" cy="400110"/>
          </a:xfrm>
          <a:prstGeom prst="rect">
            <a:avLst/>
          </a:prstGeom>
          <a:noFill/>
        </p:spPr>
        <p:txBody>
          <a:bodyPr wrap="square">
            <a:spAutoFit/>
          </a:bodyPr>
          <a:lstStyle/>
          <a:p>
            <a:r>
              <a:rPr lang="en-GB" sz="1000" b="1" dirty="0" err="1">
                <a:solidFill>
                  <a:schemeClr val="bg1"/>
                </a:solidFill>
              </a:rPr>
              <a:t>Nakládání</a:t>
            </a:r>
            <a:r>
              <a:rPr lang="en-GB" sz="1000" b="1" dirty="0">
                <a:solidFill>
                  <a:schemeClr val="bg1"/>
                </a:solidFill>
              </a:rPr>
              <a:t> s </a:t>
            </a:r>
            <a:r>
              <a:rPr lang="en-GB" sz="1000" b="1" dirty="0" err="1">
                <a:solidFill>
                  <a:schemeClr val="bg1"/>
                </a:solidFill>
              </a:rPr>
              <a:t>odpady</a:t>
            </a:r>
            <a:endParaRPr lang="en-GB" dirty="0"/>
          </a:p>
        </p:txBody>
      </p:sp>
      <p:cxnSp>
        <p:nvCxnSpPr>
          <p:cNvPr id="31" name="Straight Connector 30">
            <a:extLst>
              <a:ext uri="{FF2B5EF4-FFF2-40B4-BE49-F238E27FC236}">
                <a16:creationId xmlns:a16="http://schemas.microsoft.com/office/drawing/2014/main" id="{6D757B4D-02A1-4B27-A61D-FC8987601C43}"/>
              </a:ext>
            </a:extLst>
          </p:cNvPr>
          <p:cNvCxnSpPr>
            <a:cxnSpLocks/>
          </p:cNvCxnSpPr>
          <p:nvPr/>
        </p:nvCxnSpPr>
        <p:spPr>
          <a:xfrm>
            <a:off x="292306" y="2821581"/>
            <a:ext cx="0" cy="2211370"/>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6B31786C-90E7-4C1F-AD48-3EA5276D13E4}"/>
              </a:ext>
            </a:extLst>
          </p:cNvPr>
          <p:cNvCxnSpPr>
            <a:cxnSpLocks/>
          </p:cNvCxnSpPr>
          <p:nvPr/>
        </p:nvCxnSpPr>
        <p:spPr>
          <a:xfrm flipV="1">
            <a:off x="1715383" y="5379929"/>
            <a:ext cx="0" cy="464985"/>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sp>
        <p:nvSpPr>
          <p:cNvPr id="33" name="TextBox 32">
            <a:extLst>
              <a:ext uri="{FF2B5EF4-FFF2-40B4-BE49-F238E27FC236}">
                <a16:creationId xmlns:a16="http://schemas.microsoft.com/office/drawing/2014/main" id="{86E959BB-9586-4195-830E-82145683C741}"/>
              </a:ext>
            </a:extLst>
          </p:cNvPr>
          <p:cNvSpPr txBox="1"/>
          <p:nvPr/>
        </p:nvSpPr>
        <p:spPr>
          <a:xfrm>
            <a:off x="9565709" y="1741108"/>
            <a:ext cx="999296" cy="553998"/>
          </a:xfrm>
          <a:prstGeom prst="rect">
            <a:avLst/>
          </a:prstGeom>
          <a:noFill/>
        </p:spPr>
        <p:txBody>
          <a:bodyPr wrap="square">
            <a:spAutoFit/>
          </a:bodyPr>
          <a:lstStyle/>
          <a:p>
            <a:pPr algn="r"/>
            <a:r>
              <a:rPr lang="en-GB" sz="1000" b="1" dirty="0" err="1">
                <a:solidFill>
                  <a:schemeClr val="bg1"/>
                </a:solidFill>
              </a:rPr>
              <a:t>Řešení</a:t>
            </a:r>
            <a:r>
              <a:rPr lang="en-GB" sz="1000" b="1" dirty="0">
                <a:solidFill>
                  <a:schemeClr val="bg1"/>
                </a:solidFill>
              </a:rPr>
              <a:t> </a:t>
            </a:r>
            <a:r>
              <a:rPr lang="en-GB" sz="1000" b="1" dirty="0" err="1">
                <a:solidFill>
                  <a:schemeClr val="bg1"/>
                </a:solidFill>
              </a:rPr>
              <a:t>nouzových</a:t>
            </a:r>
            <a:r>
              <a:rPr lang="en-GB" sz="1000" b="1" dirty="0">
                <a:solidFill>
                  <a:schemeClr val="bg1"/>
                </a:solidFill>
              </a:rPr>
              <a:t> </a:t>
            </a:r>
            <a:r>
              <a:rPr lang="en-GB" sz="1000" b="1" dirty="0" err="1">
                <a:solidFill>
                  <a:schemeClr val="bg1"/>
                </a:solidFill>
              </a:rPr>
              <a:t>událostí</a:t>
            </a:r>
            <a:endParaRPr lang="en-GB" dirty="0"/>
          </a:p>
        </p:txBody>
      </p:sp>
      <p:cxnSp>
        <p:nvCxnSpPr>
          <p:cNvPr id="34" name="Straight Connector 33">
            <a:extLst>
              <a:ext uri="{FF2B5EF4-FFF2-40B4-BE49-F238E27FC236}">
                <a16:creationId xmlns:a16="http://schemas.microsoft.com/office/drawing/2014/main" id="{F8D750FD-508F-4F96-B104-66980839D437}"/>
              </a:ext>
            </a:extLst>
          </p:cNvPr>
          <p:cNvCxnSpPr>
            <a:cxnSpLocks/>
          </p:cNvCxnSpPr>
          <p:nvPr/>
        </p:nvCxnSpPr>
        <p:spPr>
          <a:xfrm flipV="1">
            <a:off x="2813397" y="5415102"/>
            <a:ext cx="0" cy="429812"/>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12FD6A89-BF14-45E7-922E-D07FF65B2261}"/>
              </a:ext>
            </a:extLst>
          </p:cNvPr>
          <p:cNvCxnSpPr>
            <a:cxnSpLocks/>
          </p:cNvCxnSpPr>
          <p:nvPr/>
        </p:nvCxnSpPr>
        <p:spPr>
          <a:xfrm>
            <a:off x="9736472" y="3708400"/>
            <a:ext cx="0" cy="1634182"/>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ADFEF1A4-09BC-4B07-9F83-B98EE1174A27}"/>
              </a:ext>
            </a:extLst>
          </p:cNvPr>
          <p:cNvCxnSpPr>
            <a:cxnSpLocks/>
          </p:cNvCxnSpPr>
          <p:nvPr/>
        </p:nvCxnSpPr>
        <p:spPr>
          <a:xfrm>
            <a:off x="9745848" y="4698119"/>
            <a:ext cx="0" cy="1634182"/>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8AB86021-280A-46C7-844D-E16CB64BB3ED}"/>
              </a:ext>
            </a:extLst>
          </p:cNvPr>
          <p:cNvCxnSpPr>
            <a:cxnSpLocks/>
          </p:cNvCxnSpPr>
          <p:nvPr/>
        </p:nvCxnSpPr>
        <p:spPr>
          <a:xfrm>
            <a:off x="11580935" y="3840418"/>
            <a:ext cx="0" cy="1121956"/>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DC119E78-ABA3-444C-972D-198ADA7C9214}"/>
              </a:ext>
            </a:extLst>
          </p:cNvPr>
          <p:cNvCxnSpPr>
            <a:cxnSpLocks/>
          </p:cNvCxnSpPr>
          <p:nvPr/>
        </p:nvCxnSpPr>
        <p:spPr>
          <a:xfrm>
            <a:off x="9370203" y="5844914"/>
            <a:ext cx="0" cy="205677"/>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E49A5C12-D69D-4027-8406-624C0F033C04}"/>
              </a:ext>
            </a:extLst>
          </p:cNvPr>
          <p:cNvCxnSpPr>
            <a:cxnSpLocks/>
          </p:cNvCxnSpPr>
          <p:nvPr/>
        </p:nvCxnSpPr>
        <p:spPr>
          <a:xfrm>
            <a:off x="7205870" y="5844914"/>
            <a:ext cx="2164333" cy="0"/>
          </a:xfrm>
          <a:prstGeom prst="line">
            <a:avLst/>
          </a:prstGeom>
          <a:ln w="3175">
            <a:solidFill>
              <a:schemeClr val="bg1"/>
            </a:solidFill>
            <a:tailEnd type="none"/>
          </a:ln>
        </p:spPr>
        <p:style>
          <a:lnRef idx="1">
            <a:schemeClr val="accent1"/>
          </a:lnRef>
          <a:fillRef idx="0">
            <a:schemeClr val="accent1"/>
          </a:fillRef>
          <a:effectRef idx="0">
            <a:schemeClr val="accent1"/>
          </a:effectRef>
          <a:fontRef idx="minor">
            <a:schemeClr val="tx1"/>
          </a:fontRef>
        </p:style>
      </p:cxnSp>
      <p:grpSp>
        <p:nvGrpSpPr>
          <p:cNvPr id="40" name="Group 39">
            <a:extLst>
              <a:ext uri="{FF2B5EF4-FFF2-40B4-BE49-F238E27FC236}">
                <a16:creationId xmlns:a16="http://schemas.microsoft.com/office/drawing/2014/main" id="{1B0F05E0-D6E6-4651-B413-13E082551E98}"/>
              </a:ext>
            </a:extLst>
          </p:cNvPr>
          <p:cNvGrpSpPr/>
          <p:nvPr/>
        </p:nvGrpSpPr>
        <p:grpSpPr>
          <a:xfrm>
            <a:off x="10672714" y="487823"/>
            <a:ext cx="913515" cy="1883287"/>
            <a:chOff x="10830803" y="456975"/>
            <a:chExt cx="642400" cy="1324361"/>
          </a:xfrm>
        </p:grpSpPr>
        <p:sp>
          <p:nvSpPr>
            <p:cNvPr id="41" name="Oval 40">
              <a:extLst>
                <a:ext uri="{FF2B5EF4-FFF2-40B4-BE49-F238E27FC236}">
                  <a16:creationId xmlns:a16="http://schemas.microsoft.com/office/drawing/2014/main" id="{7261E994-A4CB-43EB-9777-69283C1458B9}"/>
                </a:ext>
              </a:extLst>
            </p:cNvPr>
            <p:cNvSpPr/>
            <p:nvPr/>
          </p:nvSpPr>
          <p:spPr>
            <a:xfrm>
              <a:off x="10831918" y="456975"/>
              <a:ext cx="641285" cy="641285"/>
            </a:xfrm>
            <a:prstGeom prst="ellipse">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42" name="Oval 41">
              <a:extLst>
                <a:ext uri="{FF2B5EF4-FFF2-40B4-BE49-F238E27FC236}">
                  <a16:creationId xmlns:a16="http://schemas.microsoft.com/office/drawing/2014/main" id="{22291162-CA50-49A1-AB56-7F000F7F8598}"/>
                </a:ext>
              </a:extLst>
            </p:cNvPr>
            <p:cNvSpPr/>
            <p:nvPr/>
          </p:nvSpPr>
          <p:spPr>
            <a:xfrm>
              <a:off x="10830803" y="1140051"/>
              <a:ext cx="641285" cy="641285"/>
            </a:xfrm>
            <a:prstGeom prst="ellipse">
              <a:avLst/>
            </a:prstGeom>
            <a:solidFill>
              <a:schemeClr val="bg1"/>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grpSp>
      <p:sp>
        <p:nvSpPr>
          <p:cNvPr id="43" name="Oval 42">
            <a:extLst>
              <a:ext uri="{FF2B5EF4-FFF2-40B4-BE49-F238E27FC236}">
                <a16:creationId xmlns:a16="http://schemas.microsoft.com/office/drawing/2014/main" id="{F9A804FA-AF97-4044-92E8-E34AA34AF1E1}"/>
              </a:ext>
            </a:extLst>
          </p:cNvPr>
          <p:cNvSpPr/>
          <p:nvPr/>
        </p:nvSpPr>
        <p:spPr>
          <a:xfrm>
            <a:off x="4024225" y="2271592"/>
            <a:ext cx="372480" cy="37248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44" name="Picture 43" descr="Icon&#10;&#10;Description automatically generated">
            <a:extLst>
              <a:ext uri="{FF2B5EF4-FFF2-40B4-BE49-F238E27FC236}">
                <a16:creationId xmlns:a16="http://schemas.microsoft.com/office/drawing/2014/main" id="{86CD9E2B-A8DE-44EE-88F8-C181A67E9543}"/>
              </a:ext>
            </a:extLst>
          </p:cNvPr>
          <p:cNvPicPr>
            <a:picLocks noChangeAspect="1"/>
          </p:cNvPicPr>
          <p:nvPr/>
        </p:nvPicPr>
        <p:blipFill>
          <a:blip r:embed="rId29" cstate="screen">
            <a:extLst>
              <a:ext uri="{28A0092B-C50C-407E-A947-70E740481C1C}">
                <a14:useLocalDpi xmlns:a14="http://schemas.microsoft.com/office/drawing/2010/main"/>
              </a:ext>
            </a:extLst>
          </a:blip>
          <a:stretch>
            <a:fillRect/>
          </a:stretch>
        </p:blipFill>
        <p:spPr>
          <a:xfrm>
            <a:off x="6575871" y="5155525"/>
            <a:ext cx="321061" cy="321061"/>
          </a:xfrm>
          <a:prstGeom prst="rect">
            <a:avLst/>
          </a:prstGeom>
        </p:spPr>
      </p:pic>
      <p:pic>
        <p:nvPicPr>
          <p:cNvPr id="45" name="Picture 44" descr="Icon&#10;&#10;Description automatically generated">
            <a:extLst>
              <a:ext uri="{FF2B5EF4-FFF2-40B4-BE49-F238E27FC236}">
                <a16:creationId xmlns:a16="http://schemas.microsoft.com/office/drawing/2014/main" id="{DA35A691-CD59-42D2-B317-7286A9DDF64E}"/>
              </a:ext>
            </a:extLst>
          </p:cNvPr>
          <p:cNvPicPr>
            <a:picLocks noChangeAspect="1"/>
          </p:cNvPicPr>
          <p:nvPr/>
        </p:nvPicPr>
        <p:blipFill>
          <a:blip r:embed="rId30" cstate="screen">
            <a:extLst>
              <a:ext uri="{28A0092B-C50C-407E-A947-70E740481C1C}">
                <a14:useLocalDpi xmlns:a14="http://schemas.microsoft.com/office/drawing/2010/main"/>
              </a:ext>
            </a:extLst>
          </a:blip>
          <a:stretch>
            <a:fillRect/>
          </a:stretch>
        </p:blipFill>
        <p:spPr>
          <a:xfrm>
            <a:off x="4070550" y="2310325"/>
            <a:ext cx="281961" cy="281961"/>
          </a:xfrm>
          <a:prstGeom prst="rect">
            <a:avLst/>
          </a:prstGeom>
        </p:spPr>
      </p:pic>
      <p:cxnSp>
        <p:nvCxnSpPr>
          <p:cNvPr id="46" name="Straight Connector 45">
            <a:extLst>
              <a:ext uri="{FF2B5EF4-FFF2-40B4-BE49-F238E27FC236}">
                <a16:creationId xmlns:a16="http://schemas.microsoft.com/office/drawing/2014/main" id="{E05D7C7E-1F38-4E50-A685-20CBD5DAE7D7}"/>
              </a:ext>
            </a:extLst>
          </p:cNvPr>
          <p:cNvCxnSpPr>
            <a:cxnSpLocks/>
          </p:cNvCxnSpPr>
          <p:nvPr/>
        </p:nvCxnSpPr>
        <p:spPr>
          <a:xfrm flipV="1">
            <a:off x="5802792" y="5415103"/>
            <a:ext cx="0" cy="429811"/>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745AB712-0F19-4B40-A803-711AF83900E0}"/>
              </a:ext>
            </a:extLst>
          </p:cNvPr>
          <p:cNvCxnSpPr>
            <a:cxnSpLocks/>
          </p:cNvCxnSpPr>
          <p:nvPr/>
        </p:nvCxnSpPr>
        <p:spPr>
          <a:xfrm>
            <a:off x="8179341" y="3328192"/>
            <a:ext cx="0" cy="1634182"/>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A7E5E82C-526D-4385-9026-D6E160D9AF45}"/>
              </a:ext>
            </a:extLst>
          </p:cNvPr>
          <p:cNvCxnSpPr>
            <a:cxnSpLocks/>
          </p:cNvCxnSpPr>
          <p:nvPr/>
        </p:nvCxnSpPr>
        <p:spPr>
          <a:xfrm>
            <a:off x="6975013" y="2236992"/>
            <a:ext cx="0" cy="2783834"/>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B6559DC9-3E03-4E65-8CAB-FB8566C1F887}"/>
              </a:ext>
            </a:extLst>
          </p:cNvPr>
          <p:cNvCxnSpPr/>
          <p:nvPr/>
        </p:nvCxnSpPr>
        <p:spPr>
          <a:xfrm>
            <a:off x="6984865" y="2238812"/>
            <a:ext cx="284975"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0" name="Straight Connector 49">
            <a:extLst>
              <a:ext uri="{FF2B5EF4-FFF2-40B4-BE49-F238E27FC236}">
                <a16:creationId xmlns:a16="http://schemas.microsoft.com/office/drawing/2014/main" id="{D4D5E9CB-29F0-4DB6-8A2B-1EC7F279935E}"/>
              </a:ext>
            </a:extLst>
          </p:cNvPr>
          <p:cNvCxnSpPr>
            <a:cxnSpLocks/>
          </p:cNvCxnSpPr>
          <p:nvPr/>
        </p:nvCxnSpPr>
        <p:spPr>
          <a:xfrm>
            <a:off x="4210465" y="1741108"/>
            <a:ext cx="0" cy="420263"/>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pic>
        <p:nvPicPr>
          <p:cNvPr id="51" name="Picture 50" descr="Graphical user interface&#10;&#10;Description automatically generated">
            <a:extLst>
              <a:ext uri="{FF2B5EF4-FFF2-40B4-BE49-F238E27FC236}">
                <a16:creationId xmlns:a16="http://schemas.microsoft.com/office/drawing/2014/main" id="{036BB53C-C3C5-411C-947C-7677D640C767}"/>
              </a:ext>
            </a:extLst>
          </p:cNvPr>
          <p:cNvPicPr>
            <a:picLocks noChangeAspect="1"/>
          </p:cNvPicPr>
          <p:nvPr/>
        </p:nvPicPr>
        <p:blipFill rotWithShape="1">
          <a:blip r:embed="rId31" cstate="screen">
            <a:extLst>
              <a:ext uri="{28A0092B-C50C-407E-A947-70E740481C1C}">
                <a14:useLocalDpi xmlns:a14="http://schemas.microsoft.com/office/drawing/2010/main"/>
              </a:ext>
            </a:extLst>
          </a:blip>
          <a:srcRect/>
          <a:stretch/>
        </p:blipFill>
        <p:spPr>
          <a:xfrm>
            <a:off x="6059531" y="4944606"/>
            <a:ext cx="149661" cy="260472"/>
          </a:xfrm>
          <a:prstGeom prst="rect">
            <a:avLst/>
          </a:prstGeom>
        </p:spPr>
      </p:pic>
      <p:cxnSp>
        <p:nvCxnSpPr>
          <p:cNvPr id="52" name="Straight Connector 51">
            <a:extLst>
              <a:ext uri="{FF2B5EF4-FFF2-40B4-BE49-F238E27FC236}">
                <a16:creationId xmlns:a16="http://schemas.microsoft.com/office/drawing/2014/main" id="{3CB1E6BC-71EA-430A-B24E-4B46BB701544}"/>
              </a:ext>
            </a:extLst>
          </p:cNvPr>
          <p:cNvCxnSpPr>
            <a:cxnSpLocks/>
          </p:cNvCxnSpPr>
          <p:nvPr/>
        </p:nvCxnSpPr>
        <p:spPr>
          <a:xfrm>
            <a:off x="10275935" y="3013861"/>
            <a:ext cx="0" cy="1948513"/>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cxnSp>
        <p:nvCxnSpPr>
          <p:cNvPr id="53" name="Straight Connector 52">
            <a:extLst>
              <a:ext uri="{FF2B5EF4-FFF2-40B4-BE49-F238E27FC236}">
                <a16:creationId xmlns:a16="http://schemas.microsoft.com/office/drawing/2014/main" id="{5AE67455-B927-4344-B9BD-24521815EEE1}"/>
              </a:ext>
            </a:extLst>
          </p:cNvPr>
          <p:cNvCxnSpPr/>
          <p:nvPr/>
        </p:nvCxnSpPr>
        <p:spPr>
          <a:xfrm>
            <a:off x="9990960" y="3011584"/>
            <a:ext cx="284975"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46F45E7D-0CEC-477A-80C4-9B797F648940}"/>
              </a:ext>
            </a:extLst>
          </p:cNvPr>
          <p:cNvCxnSpPr>
            <a:cxnSpLocks/>
          </p:cNvCxnSpPr>
          <p:nvPr/>
        </p:nvCxnSpPr>
        <p:spPr>
          <a:xfrm>
            <a:off x="292046" y="2826404"/>
            <a:ext cx="152454"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18DE940F-4405-447B-BC5F-47F8D7AF324E}"/>
              </a:ext>
            </a:extLst>
          </p:cNvPr>
          <p:cNvCxnSpPr>
            <a:cxnSpLocks/>
          </p:cNvCxnSpPr>
          <p:nvPr/>
        </p:nvCxnSpPr>
        <p:spPr>
          <a:xfrm>
            <a:off x="4216670" y="1744073"/>
            <a:ext cx="152454"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10F69011-E6B0-4574-9937-5F82850B0FEA}"/>
              </a:ext>
            </a:extLst>
          </p:cNvPr>
          <p:cNvCxnSpPr>
            <a:cxnSpLocks/>
          </p:cNvCxnSpPr>
          <p:nvPr/>
        </p:nvCxnSpPr>
        <p:spPr>
          <a:xfrm>
            <a:off x="5530521" y="5844914"/>
            <a:ext cx="284975"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grpSp>
        <p:nvGrpSpPr>
          <p:cNvPr id="57" name="Group 56">
            <a:extLst>
              <a:ext uri="{FF2B5EF4-FFF2-40B4-BE49-F238E27FC236}">
                <a16:creationId xmlns:a16="http://schemas.microsoft.com/office/drawing/2014/main" id="{3335EEF0-E7AE-4CE0-9B0C-28132BF3B2EB}"/>
              </a:ext>
            </a:extLst>
          </p:cNvPr>
          <p:cNvGrpSpPr/>
          <p:nvPr/>
        </p:nvGrpSpPr>
        <p:grpSpPr>
          <a:xfrm>
            <a:off x="890858" y="3943989"/>
            <a:ext cx="369783" cy="403737"/>
            <a:chOff x="10377624" y="488915"/>
            <a:chExt cx="759219" cy="828931"/>
          </a:xfrm>
        </p:grpSpPr>
        <p:pic>
          <p:nvPicPr>
            <p:cNvPr id="58" name="Picture 57" descr="Icon&#10;&#10;Description automatically generated">
              <a:extLst>
                <a:ext uri="{FF2B5EF4-FFF2-40B4-BE49-F238E27FC236}">
                  <a16:creationId xmlns:a16="http://schemas.microsoft.com/office/drawing/2014/main" id="{1ADFD6F0-D41A-471B-B7AC-C9EB658884DA}"/>
                </a:ext>
              </a:extLst>
            </p:cNvPr>
            <p:cNvPicPr>
              <a:picLocks noChangeAspect="1"/>
            </p:cNvPicPr>
            <p:nvPr/>
          </p:nvPicPr>
          <p:blipFill>
            <a:blip r:embed="rId32" cstate="screen">
              <a:extLst>
                <a:ext uri="{BEBA8EAE-BF5A-486C-A8C5-ECC9F3942E4B}">
                  <a14:imgProps xmlns:a14="http://schemas.microsoft.com/office/drawing/2010/main">
                    <a14:imgLayer r:embed="rId33">
                      <a14:imgEffect>
                        <a14:saturation sat="400000"/>
                      </a14:imgEffect>
                      <a14:imgEffect>
                        <a14:brightnessContrast bright="100000"/>
                      </a14:imgEffect>
                    </a14:imgLayer>
                  </a14:imgProps>
                </a:ext>
                <a:ext uri="{28A0092B-C50C-407E-A947-70E740481C1C}">
                  <a14:useLocalDpi xmlns:a14="http://schemas.microsoft.com/office/drawing/2010/main"/>
                </a:ext>
              </a:extLst>
            </a:blip>
            <a:stretch>
              <a:fillRect/>
            </a:stretch>
          </p:blipFill>
          <p:spPr>
            <a:xfrm>
              <a:off x="10474634" y="626287"/>
              <a:ext cx="565200" cy="565200"/>
            </a:xfrm>
            <a:prstGeom prst="rect">
              <a:avLst/>
            </a:prstGeom>
          </p:spPr>
        </p:pic>
        <p:pic>
          <p:nvPicPr>
            <p:cNvPr id="59" name="Picture 58" descr="A black rectangle with red squares&#10;&#10;Description automatically generated with low confidence">
              <a:extLst>
                <a:ext uri="{FF2B5EF4-FFF2-40B4-BE49-F238E27FC236}">
                  <a16:creationId xmlns:a16="http://schemas.microsoft.com/office/drawing/2014/main" id="{C573DA56-5B4E-4DDA-A141-345CDA8DB9C7}"/>
                </a:ext>
              </a:extLst>
            </p:cNvPr>
            <p:cNvPicPr>
              <a:picLocks noChangeAspect="1"/>
            </p:cNvPicPr>
            <p:nvPr/>
          </p:nvPicPr>
          <p:blipFill>
            <a:blip r:embed="rId34" cstate="screen">
              <a:biLevel thresh="25000"/>
              <a:extLst>
                <a:ext uri="{28A0092B-C50C-407E-A947-70E740481C1C}">
                  <a14:useLocalDpi xmlns:a14="http://schemas.microsoft.com/office/drawing/2010/main"/>
                </a:ext>
              </a:extLst>
            </a:blip>
            <a:stretch>
              <a:fillRect/>
            </a:stretch>
          </p:blipFill>
          <p:spPr>
            <a:xfrm>
              <a:off x="10377624" y="488915"/>
              <a:ext cx="759219" cy="828931"/>
            </a:xfrm>
            <a:prstGeom prst="rect">
              <a:avLst/>
            </a:prstGeom>
          </p:spPr>
        </p:pic>
      </p:grpSp>
      <p:sp>
        <p:nvSpPr>
          <p:cNvPr id="60" name="TextBox 59">
            <a:extLst>
              <a:ext uri="{FF2B5EF4-FFF2-40B4-BE49-F238E27FC236}">
                <a16:creationId xmlns:a16="http://schemas.microsoft.com/office/drawing/2014/main" id="{7DC2A190-1893-45DA-80BE-0FBF0CB17FAD}"/>
              </a:ext>
            </a:extLst>
          </p:cNvPr>
          <p:cNvSpPr txBox="1"/>
          <p:nvPr/>
        </p:nvSpPr>
        <p:spPr>
          <a:xfrm>
            <a:off x="2492557" y="3945228"/>
            <a:ext cx="1068108" cy="400110"/>
          </a:xfrm>
          <a:prstGeom prst="rect">
            <a:avLst/>
          </a:prstGeom>
          <a:noFill/>
        </p:spPr>
        <p:txBody>
          <a:bodyPr wrap="square">
            <a:spAutoFit/>
          </a:bodyPr>
          <a:lstStyle/>
          <a:p>
            <a:pPr algn="r"/>
            <a:r>
              <a:rPr lang="en-GB" sz="1000" b="1" dirty="0" err="1">
                <a:solidFill>
                  <a:schemeClr val="bg1"/>
                </a:solidFill>
              </a:rPr>
              <a:t>Prevence</a:t>
            </a:r>
            <a:r>
              <a:rPr lang="en-GB" sz="1000" b="1" dirty="0">
                <a:solidFill>
                  <a:schemeClr val="bg1"/>
                </a:solidFill>
              </a:rPr>
              <a:t> </a:t>
            </a:r>
            <a:r>
              <a:rPr lang="en-GB" sz="1000" b="1" dirty="0" err="1">
                <a:solidFill>
                  <a:schemeClr val="bg1"/>
                </a:solidFill>
              </a:rPr>
              <a:t>kriminality</a:t>
            </a:r>
            <a:endParaRPr lang="en-GB" dirty="0"/>
          </a:p>
        </p:txBody>
      </p:sp>
      <p:cxnSp>
        <p:nvCxnSpPr>
          <p:cNvPr id="61" name="Straight Connector 60">
            <a:extLst>
              <a:ext uri="{FF2B5EF4-FFF2-40B4-BE49-F238E27FC236}">
                <a16:creationId xmlns:a16="http://schemas.microsoft.com/office/drawing/2014/main" id="{B5104972-2007-4B48-93AC-C7D7258002DF}"/>
              </a:ext>
            </a:extLst>
          </p:cNvPr>
          <p:cNvCxnSpPr>
            <a:cxnSpLocks/>
          </p:cNvCxnSpPr>
          <p:nvPr/>
        </p:nvCxnSpPr>
        <p:spPr>
          <a:xfrm>
            <a:off x="3654769" y="4145283"/>
            <a:ext cx="0" cy="1081812"/>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0714FE86-A7BB-406F-8F32-2F1C545CB3DF}"/>
              </a:ext>
            </a:extLst>
          </p:cNvPr>
          <p:cNvCxnSpPr>
            <a:cxnSpLocks/>
          </p:cNvCxnSpPr>
          <p:nvPr/>
        </p:nvCxnSpPr>
        <p:spPr>
          <a:xfrm>
            <a:off x="3508757" y="4145283"/>
            <a:ext cx="152454"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9B75A9F0-A1BA-4BF1-A9CF-9687C5E13AF8}"/>
              </a:ext>
            </a:extLst>
          </p:cNvPr>
          <p:cNvCxnSpPr>
            <a:cxnSpLocks/>
          </p:cNvCxnSpPr>
          <p:nvPr/>
        </p:nvCxnSpPr>
        <p:spPr>
          <a:xfrm>
            <a:off x="1069646" y="3413255"/>
            <a:ext cx="0" cy="295145"/>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sp>
        <p:nvSpPr>
          <p:cNvPr id="64" name="TextBox 63">
            <a:extLst>
              <a:ext uri="{FF2B5EF4-FFF2-40B4-BE49-F238E27FC236}">
                <a16:creationId xmlns:a16="http://schemas.microsoft.com/office/drawing/2014/main" id="{51CCB685-5264-44B6-939D-8CF97B94FFF1}"/>
              </a:ext>
            </a:extLst>
          </p:cNvPr>
          <p:cNvSpPr txBox="1"/>
          <p:nvPr/>
        </p:nvSpPr>
        <p:spPr>
          <a:xfrm>
            <a:off x="1203408" y="3156508"/>
            <a:ext cx="1069340" cy="707886"/>
          </a:xfrm>
          <a:prstGeom prst="rect">
            <a:avLst/>
          </a:prstGeom>
          <a:noFill/>
        </p:spPr>
        <p:txBody>
          <a:bodyPr wrap="square">
            <a:spAutoFit/>
          </a:bodyPr>
          <a:lstStyle/>
          <a:p>
            <a:r>
              <a:rPr lang="en-GB" sz="1000" b="1" dirty="0" err="1">
                <a:solidFill>
                  <a:schemeClr val="bg1"/>
                </a:solidFill>
              </a:rPr>
              <a:t>Kvalita</a:t>
            </a:r>
            <a:r>
              <a:rPr lang="en-GB" sz="1000" b="1" dirty="0">
                <a:solidFill>
                  <a:schemeClr val="bg1"/>
                </a:solidFill>
              </a:rPr>
              <a:t> </a:t>
            </a:r>
            <a:r>
              <a:rPr lang="en-GB" sz="1000" b="1" dirty="0" err="1">
                <a:solidFill>
                  <a:schemeClr val="bg1"/>
                </a:solidFill>
              </a:rPr>
              <a:t>ovzduší</a:t>
            </a:r>
            <a:r>
              <a:rPr lang="en-GB" sz="1000" b="1" dirty="0">
                <a:solidFill>
                  <a:schemeClr val="bg1"/>
                </a:solidFill>
              </a:rPr>
              <a:t> a </a:t>
            </a:r>
            <a:r>
              <a:rPr lang="en-GB" sz="1000" b="1" dirty="0" err="1">
                <a:solidFill>
                  <a:schemeClr val="bg1"/>
                </a:solidFill>
              </a:rPr>
              <a:t>kontrola</a:t>
            </a:r>
            <a:r>
              <a:rPr lang="en-GB" sz="1000" b="1" dirty="0">
                <a:solidFill>
                  <a:schemeClr val="bg1"/>
                </a:solidFill>
              </a:rPr>
              <a:t> </a:t>
            </a:r>
            <a:r>
              <a:rPr lang="en-GB" sz="1000" b="1" dirty="0" err="1">
                <a:solidFill>
                  <a:schemeClr val="bg1"/>
                </a:solidFill>
              </a:rPr>
              <a:t>znečištění</a:t>
            </a:r>
            <a:endParaRPr lang="en-GB" dirty="0"/>
          </a:p>
        </p:txBody>
      </p:sp>
      <p:cxnSp>
        <p:nvCxnSpPr>
          <p:cNvPr id="65" name="Straight Connector 64">
            <a:extLst>
              <a:ext uri="{FF2B5EF4-FFF2-40B4-BE49-F238E27FC236}">
                <a16:creationId xmlns:a16="http://schemas.microsoft.com/office/drawing/2014/main" id="{48BF1F4C-8D40-4FA0-84AF-70670CDAEF39}"/>
              </a:ext>
            </a:extLst>
          </p:cNvPr>
          <p:cNvCxnSpPr>
            <a:cxnSpLocks/>
          </p:cNvCxnSpPr>
          <p:nvPr/>
        </p:nvCxnSpPr>
        <p:spPr>
          <a:xfrm>
            <a:off x="1070445" y="3413255"/>
            <a:ext cx="152454"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BE177C5E-D83B-4CF9-BCE7-C544B716EC17}"/>
              </a:ext>
            </a:extLst>
          </p:cNvPr>
          <p:cNvCxnSpPr>
            <a:cxnSpLocks/>
          </p:cNvCxnSpPr>
          <p:nvPr/>
        </p:nvCxnSpPr>
        <p:spPr>
          <a:xfrm>
            <a:off x="2815260" y="5844914"/>
            <a:ext cx="152454"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F8BF304F-B3F9-4D37-A82F-58EDEA0572DF}"/>
              </a:ext>
            </a:extLst>
          </p:cNvPr>
          <p:cNvCxnSpPr>
            <a:cxnSpLocks/>
          </p:cNvCxnSpPr>
          <p:nvPr/>
        </p:nvCxnSpPr>
        <p:spPr>
          <a:xfrm>
            <a:off x="1555420" y="5844914"/>
            <a:ext cx="152454"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sp>
        <p:nvSpPr>
          <p:cNvPr id="68" name="Oval 67">
            <a:extLst>
              <a:ext uri="{FF2B5EF4-FFF2-40B4-BE49-F238E27FC236}">
                <a16:creationId xmlns:a16="http://schemas.microsoft.com/office/drawing/2014/main" id="{D65F820E-2239-4ACC-ABC2-A2CEBEDB49F7}"/>
              </a:ext>
            </a:extLst>
          </p:cNvPr>
          <p:cNvSpPr/>
          <p:nvPr/>
        </p:nvSpPr>
        <p:spPr>
          <a:xfrm>
            <a:off x="4420807" y="5047260"/>
            <a:ext cx="372480" cy="37248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69" name="Picture 68" descr="Icon&#10;&#10;Description automatically generated">
            <a:extLst>
              <a:ext uri="{FF2B5EF4-FFF2-40B4-BE49-F238E27FC236}">
                <a16:creationId xmlns:a16="http://schemas.microsoft.com/office/drawing/2014/main" id="{B0A25E23-0889-4C2D-97DD-088E05E95096}"/>
              </a:ext>
            </a:extLst>
          </p:cNvPr>
          <p:cNvPicPr>
            <a:picLocks noChangeAspect="1"/>
          </p:cNvPicPr>
          <p:nvPr/>
        </p:nvPicPr>
        <p:blipFill>
          <a:blip r:embed="rId35" cstate="screen">
            <a:extLst>
              <a:ext uri="{28A0092B-C50C-407E-A947-70E740481C1C}">
                <a14:useLocalDpi xmlns:a14="http://schemas.microsoft.com/office/drawing/2010/main"/>
              </a:ext>
            </a:extLst>
          </a:blip>
          <a:stretch>
            <a:fillRect/>
          </a:stretch>
        </p:blipFill>
        <p:spPr>
          <a:xfrm>
            <a:off x="4505473" y="5139609"/>
            <a:ext cx="195001" cy="195001"/>
          </a:xfrm>
          <a:prstGeom prst="rect">
            <a:avLst/>
          </a:prstGeom>
        </p:spPr>
      </p:pic>
      <p:cxnSp>
        <p:nvCxnSpPr>
          <p:cNvPr id="70" name="Straight Connector 69">
            <a:extLst>
              <a:ext uri="{FF2B5EF4-FFF2-40B4-BE49-F238E27FC236}">
                <a16:creationId xmlns:a16="http://schemas.microsoft.com/office/drawing/2014/main" id="{875D3709-46AF-4DB6-B3A7-122969A44837}"/>
              </a:ext>
            </a:extLst>
          </p:cNvPr>
          <p:cNvCxnSpPr>
            <a:cxnSpLocks/>
          </p:cNvCxnSpPr>
          <p:nvPr/>
        </p:nvCxnSpPr>
        <p:spPr>
          <a:xfrm>
            <a:off x="4602973" y="2926510"/>
            <a:ext cx="0" cy="1979459"/>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sp>
        <p:nvSpPr>
          <p:cNvPr id="71" name="TextBox 70">
            <a:extLst>
              <a:ext uri="{FF2B5EF4-FFF2-40B4-BE49-F238E27FC236}">
                <a16:creationId xmlns:a16="http://schemas.microsoft.com/office/drawing/2014/main" id="{EE358F2A-31A4-4B9C-BF9A-1C1E4A88866A}"/>
              </a:ext>
            </a:extLst>
          </p:cNvPr>
          <p:cNvSpPr txBox="1"/>
          <p:nvPr/>
        </p:nvSpPr>
        <p:spPr>
          <a:xfrm>
            <a:off x="5200913" y="2729718"/>
            <a:ext cx="893211" cy="400110"/>
          </a:xfrm>
          <a:prstGeom prst="rect">
            <a:avLst/>
          </a:prstGeom>
          <a:noFill/>
        </p:spPr>
        <p:txBody>
          <a:bodyPr wrap="square">
            <a:spAutoFit/>
          </a:bodyPr>
          <a:lstStyle/>
          <a:p>
            <a:r>
              <a:rPr lang="en-GB" sz="1000" b="1" dirty="0" err="1">
                <a:solidFill>
                  <a:schemeClr val="bg1"/>
                </a:solidFill>
              </a:rPr>
              <a:t>Řízení</a:t>
            </a:r>
            <a:r>
              <a:rPr lang="en-GB" sz="1000" b="1" dirty="0">
                <a:solidFill>
                  <a:schemeClr val="bg1"/>
                </a:solidFill>
              </a:rPr>
              <a:t> </a:t>
            </a:r>
            <a:r>
              <a:rPr lang="en-GB" sz="1000" b="1" dirty="0" err="1">
                <a:solidFill>
                  <a:schemeClr val="bg1"/>
                </a:solidFill>
              </a:rPr>
              <a:t>přístupu</a:t>
            </a:r>
            <a:endParaRPr lang="en-GB" dirty="0"/>
          </a:p>
        </p:txBody>
      </p:sp>
      <p:cxnSp>
        <p:nvCxnSpPr>
          <p:cNvPr id="72" name="Straight Connector 71">
            <a:extLst>
              <a:ext uri="{FF2B5EF4-FFF2-40B4-BE49-F238E27FC236}">
                <a16:creationId xmlns:a16="http://schemas.microsoft.com/office/drawing/2014/main" id="{F86EF3A8-2F63-4430-B662-BF0CFB11A800}"/>
              </a:ext>
            </a:extLst>
          </p:cNvPr>
          <p:cNvCxnSpPr>
            <a:cxnSpLocks/>
          </p:cNvCxnSpPr>
          <p:nvPr/>
        </p:nvCxnSpPr>
        <p:spPr>
          <a:xfrm>
            <a:off x="4602973" y="2926510"/>
            <a:ext cx="570359" cy="0"/>
          </a:xfrm>
          <a:prstGeom prst="line">
            <a:avLst/>
          </a:prstGeom>
          <a:ln w="3175">
            <a:solidFill>
              <a:schemeClr val="bg1"/>
            </a:solidFill>
          </a:ln>
        </p:spPr>
        <p:style>
          <a:lnRef idx="1">
            <a:schemeClr val="accent1"/>
          </a:lnRef>
          <a:fillRef idx="0">
            <a:schemeClr val="accent1"/>
          </a:fillRef>
          <a:effectRef idx="0">
            <a:schemeClr val="accent1"/>
          </a:effectRef>
          <a:fontRef idx="minor">
            <a:schemeClr val="tx1"/>
          </a:fontRef>
        </p:style>
      </p:cxnSp>
      <p:pic>
        <p:nvPicPr>
          <p:cNvPr id="73" name="Graphic 72">
            <a:extLst>
              <a:ext uri="{FF2B5EF4-FFF2-40B4-BE49-F238E27FC236}">
                <a16:creationId xmlns:a16="http://schemas.microsoft.com/office/drawing/2014/main" id="{61727DA8-241B-4DDA-B669-854695650395}"/>
              </a:ext>
            </a:extLst>
          </p:cNvPr>
          <p:cNvPicPr>
            <a:picLocks noChangeAspect="1"/>
          </p:cNvPicPr>
          <p:nvPr>
            <p:custDataLst>
              <p:tags r:id="rId9"/>
            </p:custDataLst>
          </p:nvPr>
        </p:nvPicPr>
        <p:blipFill rotWithShape="1">
          <a:blip r:embed="rId25" cstate="screen">
            <a:extLst>
              <a:ext uri="{28A0092B-C50C-407E-A947-70E740481C1C}">
                <a14:useLocalDpi xmlns:a14="http://schemas.microsoft.com/office/drawing/2010/main"/>
              </a:ext>
              <a:ext uri="{96DAC541-7B7A-43D3-8B79-37D633B846F1}">
                <asvg:svgBlip xmlns:asvg="http://schemas.microsoft.com/office/drawing/2016/SVG/main" r:embed="rId26"/>
              </a:ext>
            </a:extLst>
          </a:blip>
          <a:srcRect l="2757" r="67648" b="64877"/>
          <a:stretch/>
        </p:blipFill>
        <p:spPr>
          <a:xfrm>
            <a:off x="6714768" y="281199"/>
            <a:ext cx="2169822" cy="1929856"/>
          </a:xfrm>
          <a:prstGeom prst="rect">
            <a:avLst/>
          </a:prstGeom>
        </p:spPr>
      </p:pic>
      <p:sp>
        <p:nvSpPr>
          <p:cNvPr id="74" name="Oval 73">
            <a:extLst>
              <a:ext uri="{FF2B5EF4-FFF2-40B4-BE49-F238E27FC236}">
                <a16:creationId xmlns:a16="http://schemas.microsoft.com/office/drawing/2014/main" id="{853E3969-C648-4535-99F6-F5A2C545379D}"/>
              </a:ext>
            </a:extLst>
          </p:cNvPr>
          <p:cNvSpPr/>
          <p:nvPr/>
        </p:nvSpPr>
        <p:spPr>
          <a:xfrm>
            <a:off x="4024225" y="2932993"/>
            <a:ext cx="372480" cy="37248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pic>
        <p:nvPicPr>
          <p:cNvPr id="75" name="Picture 74" descr="Icon&#10;&#10;Description automatically generated">
            <a:extLst>
              <a:ext uri="{FF2B5EF4-FFF2-40B4-BE49-F238E27FC236}">
                <a16:creationId xmlns:a16="http://schemas.microsoft.com/office/drawing/2014/main" id="{B349C521-9E3F-430D-9CE9-AEF4DA47D2DE}"/>
              </a:ext>
            </a:extLst>
          </p:cNvPr>
          <p:cNvPicPr>
            <a:picLocks noChangeAspect="1"/>
          </p:cNvPicPr>
          <p:nvPr/>
        </p:nvPicPr>
        <p:blipFill>
          <a:blip r:embed="rId36" cstate="screen">
            <a:extLst>
              <a:ext uri="{28A0092B-C50C-407E-A947-70E740481C1C}">
                <a14:useLocalDpi xmlns:a14="http://schemas.microsoft.com/office/drawing/2010/main"/>
              </a:ext>
            </a:extLst>
          </a:blip>
          <a:stretch>
            <a:fillRect/>
          </a:stretch>
        </p:blipFill>
        <p:spPr>
          <a:xfrm>
            <a:off x="4095730" y="3013499"/>
            <a:ext cx="223723" cy="223723"/>
          </a:xfrm>
          <a:prstGeom prst="rect">
            <a:avLst/>
          </a:prstGeom>
        </p:spPr>
      </p:pic>
      <p:cxnSp>
        <p:nvCxnSpPr>
          <p:cNvPr id="76" name="Straight Connector 75">
            <a:extLst>
              <a:ext uri="{FF2B5EF4-FFF2-40B4-BE49-F238E27FC236}">
                <a16:creationId xmlns:a16="http://schemas.microsoft.com/office/drawing/2014/main" id="{32B7E1AA-4903-44C7-822D-2BF23DB587FA}"/>
              </a:ext>
            </a:extLst>
          </p:cNvPr>
          <p:cNvCxnSpPr>
            <a:cxnSpLocks/>
          </p:cNvCxnSpPr>
          <p:nvPr/>
        </p:nvCxnSpPr>
        <p:spPr>
          <a:xfrm>
            <a:off x="3598063" y="3122413"/>
            <a:ext cx="363501" cy="0"/>
          </a:xfrm>
          <a:prstGeom prst="line">
            <a:avLst/>
          </a:prstGeom>
          <a:ln w="3175">
            <a:solidFill>
              <a:schemeClr val="bg1"/>
            </a:solidFill>
            <a:tailEnd type="oval"/>
          </a:ln>
        </p:spPr>
        <p:style>
          <a:lnRef idx="1">
            <a:schemeClr val="accent1"/>
          </a:lnRef>
          <a:fillRef idx="0">
            <a:schemeClr val="accent1"/>
          </a:fillRef>
          <a:effectRef idx="0">
            <a:schemeClr val="accent1"/>
          </a:effectRef>
          <a:fontRef idx="minor">
            <a:schemeClr val="tx1"/>
          </a:fontRef>
        </p:style>
      </p:cxnSp>
      <p:pic>
        <p:nvPicPr>
          <p:cNvPr id="77" name="Graphic 76">
            <a:extLst>
              <a:ext uri="{FF2B5EF4-FFF2-40B4-BE49-F238E27FC236}">
                <a16:creationId xmlns:a16="http://schemas.microsoft.com/office/drawing/2014/main" id="{DEEBEFCE-5DCC-4DCC-A597-B74C6A36E03B}"/>
              </a:ext>
            </a:extLst>
          </p:cNvPr>
          <p:cNvPicPr>
            <a:picLocks noChangeAspect="1"/>
          </p:cNvPicPr>
          <p:nvPr>
            <p:custDataLst>
              <p:tags r:id="rId10"/>
            </p:custDataLst>
          </p:nvPr>
        </p:nvPicPr>
        <p:blipFill>
          <a:blip r:embed="rId37" cstate="screen">
            <a:extLst>
              <a:ext uri="{28A0092B-C50C-407E-A947-70E740481C1C}">
                <a14:useLocalDpi xmlns:a14="http://schemas.microsoft.com/office/drawing/2010/main"/>
              </a:ext>
              <a:ext uri="{96DAC541-7B7A-43D3-8B79-37D633B846F1}">
                <asvg:svgBlip xmlns:asvg="http://schemas.microsoft.com/office/drawing/2016/SVG/main" r:embed="rId38"/>
              </a:ext>
            </a:extLst>
          </a:blip>
          <a:srcRect/>
          <a:stretch>
            <a:fillRect/>
          </a:stretch>
        </p:blipFill>
        <p:spPr>
          <a:xfrm>
            <a:off x="10711043" y="1585079"/>
            <a:ext cx="835269" cy="625976"/>
          </a:xfrm>
          <a:prstGeom prst="rect">
            <a:avLst/>
          </a:prstGeom>
        </p:spPr>
      </p:pic>
      <p:pic>
        <p:nvPicPr>
          <p:cNvPr id="78" name="Graphic 77">
            <a:extLst>
              <a:ext uri="{FF2B5EF4-FFF2-40B4-BE49-F238E27FC236}">
                <a16:creationId xmlns:a16="http://schemas.microsoft.com/office/drawing/2014/main" id="{D3FDFC43-1A34-4347-96D7-10128BAC7665}"/>
              </a:ext>
            </a:extLst>
          </p:cNvPr>
          <p:cNvPicPr>
            <a:picLocks noChangeAspect="1"/>
          </p:cNvPicPr>
          <p:nvPr>
            <p:custDataLst>
              <p:tags r:id="rId11"/>
            </p:custDataLst>
          </p:nvPr>
        </p:nvPicPr>
        <p:blipFill>
          <a:blip r:embed="rId39" cstate="screen">
            <a:extLst>
              <a:ext uri="{28A0092B-C50C-407E-A947-70E740481C1C}">
                <a14:useLocalDpi xmlns:a14="http://schemas.microsoft.com/office/drawing/2010/main"/>
              </a:ext>
              <a:ext uri="{96DAC541-7B7A-43D3-8B79-37D633B846F1}">
                <asvg:svgBlip xmlns:asvg="http://schemas.microsoft.com/office/drawing/2016/SVG/main" r:embed="rId40"/>
              </a:ext>
            </a:extLst>
          </a:blip>
          <a:srcRect/>
          <a:stretch>
            <a:fillRect/>
          </a:stretch>
        </p:blipFill>
        <p:spPr>
          <a:xfrm>
            <a:off x="10812233" y="713088"/>
            <a:ext cx="622966" cy="467224"/>
          </a:xfrm>
          <a:prstGeom prst="rect">
            <a:avLst/>
          </a:prstGeom>
        </p:spPr>
      </p:pic>
      <p:sp>
        <p:nvSpPr>
          <p:cNvPr id="79" name="TextBox 78">
            <a:extLst>
              <a:ext uri="{FF2B5EF4-FFF2-40B4-BE49-F238E27FC236}">
                <a16:creationId xmlns:a16="http://schemas.microsoft.com/office/drawing/2014/main" id="{F7A18942-D340-4F4E-A39D-1063BDD238BA}"/>
              </a:ext>
            </a:extLst>
          </p:cNvPr>
          <p:cNvSpPr txBox="1"/>
          <p:nvPr/>
        </p:nvSpPr>
        <p:spPr>
          <a:xfrm>
            <a:off x="741639" y="719929"/>
            <a:ext cx="3755726" cy="1384995"/>
          </a:xfrm>
          <a:prstGeom prst="rect">
            <a:avLst/>
          </a:prstGeom>
          <a:noFill/>
        </p:spPr>
        <p:txBody>
          <a:bodyPr wrap="square" lIns="91440" tIns="45720" rIns="91440" bIns="45720" rtlCol="0" anchor="t">
            <a:spAutoFit/>
          </a:bodyPr>
          <a:lstStyle/>
          <a:p>
            <a:pPr>
              <a:defRPr/>
            </a:pPr>
            <a:r>
              <a:rPr lang="en-GB" sz="2800" dirty="0" err="1">
                <a:solidFill>
                  <a:schemeClr val="bg1"/>
                </a:solidFill>
                <a:latin typeface="Open Sans Extrabold"/>
                <a:ea typeface="Open Sans Extrabold"/>
                <a:cs typeface="Open Sans Extrabold"/>
              </a:rPr>
              <a:t>Použití</a:t>
            </a:r>
            <a:r>
              <a:rPr lang="en-GB" sz="2800" dirty="0">
                <a:solidFill>
                  <a:schemeClr val="bg1"/>
                </a:solidFill>
                <a:latin typeface="Open Sans Extrabold"/>
                <a:ea typeface="Open Sans Extrabold"/>
                <a:cs typeface="Open Sans Extrabold"/>
              </a:rPr>
              <a:t> </a:t>
            </a:r>
          </a:p>
          <a:p>
            <a:pPr>
              <a:defRPr/>
            </a:pPr>
            <a:r>
              <a:rPr lang="en-GB" sz="2800" dirty="0" err="1">
                <a:solidFill>
                  <a:schemeClr val="bg1"/>
                </a:solidFill>
                <a:latin typeface="Open Sans Extrabold"/>
                <a:ea typeface="Open Sans Extrabold"/>
                <a:cs typeface="Open Sans Extrabold"/>
              </a:rPr>
              <a:t>Videotechnologií</a:t>
            </a:r>
            <a:endParaRPr lang="en-GB" sz="2800" dirty="0">
              <a:solidFill>
                <a:schemeClr val="bg1"/>
              </a:solidFill>
              <a:latin typeface="Open Sans Extrabold"/>
              <a:ea typeface="Open Sans Extrabold"/>
              <a:cs typeface="Open Sans Extrabold"/>
            </a:endParaRPr>
          </a:p>
          <a:p>
            <a:pPr>
              <a:defRPr/>
            </a:pPr>
            <a:r>
              <a:rPr lang="en-GB" sz="2800" dirty="0" err="1">
                <a:solidFill>
                  <a:schemeClr val="bg1"/>
                </a:solidFill>
                <a:latin typeface="Open Sans Extrabold"/>
                <a:ea typeface="Open Sans Extrabold"/>
                <a:cs typeface="Open Sans Extrabold"/>
              </a:rPr>
              <a:t>ve</a:t>
            </a:r>
            <a:r>
              <a:rPr lang="en-GB" sz="2800" dirty="0">
                <a:solidFill>
                  <a:schemeClr val="bg1"/>
                </a:solidFill>
                <a:latin typeface="Open Sans Extrabold"/>
                <a:ea typeface="Open Sans Extrabold"/>
                <a:cs typeface="Open Sans Extrabold"/>
              </a:rPr>
              <a:t> </a:t>
            </a:r>
            <a:r>
              <a:rPr lang="en-GB" sz="2800" dirty="0" err="1">
                <a:solidFill>
                  <a:schemeClr val="bg1"/>
                </a:solidFill>
                <a:latin typeface="Open Sans Extrabold"/>
                <a:ea typeface="Open Sans Extrabold"/>
                <a:cs typeface="Open Sans Extrabold"/>
              </a:rPr>
              <a:t>městech</a:t>
            </a:r>
            <a:endParaRPr lang="en-GB" dirty="0"/>
          </a:p>
        </p:txBody>
      </p:sp>
      <p:sp>
        <p:nvSpPr>
          <p:cNvPr id="80" name="Freeform: Shape 79">
            <a:extLst>
              <a:ext uri="{FF2B5EF4-FFF2-40B4-BE49-F238E27FC236}">
                <a16:creationId xmlns:a16="http://schemas.microsoft.com/office/drawing/2014/main" id="{6FFBDC33-10E9-4A0D-8D02-EA23F5ACEAAE}"/>
              </a:ext>
            </a:extLst>
          </p:cNvPr>
          <p:cNvSpPr/>
          <p:nvPr/>
        </p:nvSpPr>
        <p:spPr>
          <a:xfrm rot="8100000">
            <a:off x="438251" y="867764"/>
            <a:ext cx="226504" cy="231690"/>
          </a:xfrm>
          <a:custGeom>
            <a:avLst/>
            <a:gdLst>
              <a:gd name="connsiteX0" fmla="*/ 270510 w 270510"/>
              <a:gd name="connsiteY0" fmla="*/ 0 h 276704"/>
              <a:gd name="connsiteX1" fmla="*/ 270510 w 270510"/>
              <a:gd name="connsiteY1" fmla="*/ 91440 h 276704"/>
              <a:gd name="connsiteX2" fmla="*/ 91440 w 270510"/>
              <a:gd name="connsiteY2" fmla="*/ 91440 h 276704"/>
              <a:gd name="connsiteX3" fmla="*/ 91440 w 270510"/>
              <a:gd name="connsiteY3" fmla="*/ 276704 h 276704"/>
              <a:gd name="connsiteX4" fmla="*/ 0 w 270510"/>
              <a:gd name="connsiteY4" fmla="*/ 276704 h 276704"/>
              <a:gd name="connsiteX5" fmla="*/ 0 w 270510"/>
              <a:gd name="connsiteY5" fmla="*/ 10004 h 276704"/>
              <a:gd name="connsiteX6" fmla="*/ 3810 w 270510"/>
              <a:gd name="connsiteY6" fmla="*/ 10004 h 276704"/>
              <a:gd name="connsiteX7" fmla="*/ 3810 w 270510"/>
              <a:gd name="connsiteY7" fmla="*/ 0 h 276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70510" h="276704">
                <a:moveTo>
                  <a:pt x="270510" y="0"/>
                </a:moveTo>
                <a:lnTo>
                  <a:pt x="270510" y="91440"/>
                </a:lnTo>
                <a:lnTo>
                  <a:pt x="91440" y="91440"/>
                </a:lnTo>
                <a:lnTo>
                  <a:pt x="91440" y="276704"/>
                </a:lnTo>
                <a:lnTo>
                  <a:pt x="0" y="276704"/>
                </a:lnTo>
                <a:lnTo>
                  <a:pt x="0" y="10004"/>
                </a:lnTo>
                <a:lnTo>
                  <a:pt x="3810" y="10004"/>
                </a:lnTo>
                <a:lnTo>
                  <a:pt x="3810" y="0"/>
                </a:lnTo>
                <a:close/>
              </a:path>
            </a:pathLst>
          </a:cu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solidFill>
                <a:schemeClr val="bg1"/>
              </a:solidFill>
            </a:endParaRPr>
          </a:p>
        </p:txBody>
      </p:sp>
      <p:sp>
        <p:nvSpPr>
          <p:cNvPr id="3" name="Footer Placeholder 2">
            <a:extLst>
              <a:ext uri="{FF2B5EF4-FFF2-40B4-BE49-F238E27FC236}">
                <a16:creationId xmlns:a16="http://schemas.microsoft.com/office/drawing/2014/main" id="{21D94CAB-67E8-48CB-872E-7F5136C5D011}"/>
              </a:ext>
            </a:extLst>
          </p:cNvPr>
          <p:cNvSpPr>
            <a:spLocks noGrp="1"/>
          </p:cNvSpPr>
          <p:nvPr>
            <p:ph type="ftr" sz="quarter" idx="24"/>
          </p:nvPr>
        </p:nvSpPr>
        <p:spPr/>
        <p:txBody>
          <a:bodyPr/>
          <a:lstStyle/>
          <a:p>
            <a:endParaRPr lang="en-GB"/>
          </a:p>
        </p:txBody>
      </p:sp>
      <p:sp>
        <p:nvSpPr>
          <p:cNvPr id="4" name="Text Placeholder 3">
            <a:extLst>
              <a:ext uri="{FF2B5EF4-FFF2-40B4-BE49-F238E27FC236}">
                <a16:creationId xmlns:a16="http://schemas.microsoft.com/office/drawing/2014/main" id="{C29708CC-2CF7-4F39-AACC-2757EAD60E4C}"/>
              </a:ext>
            </a:extLst>
          </p:cNvPr>
          <p:cNvSpPr>
            <a:spLocks noGrp="1"/>
          </p:cNvSpPr>
          <p:nvPr>
            <p:ph type="body" sz="quarter" idx="26"/>
          </p:nvPr>
        </p:nvSpPr>
        <p:spPr/>
        <p:txBody>
          <a:bodyPr/>
          <a:lstStyle/>
          <a:p>
            <a:endParaRPr lang="en-GB"/>
          </a:p>
        </p:txBody>
      </p:sp>
      <p:pic>
        <p:nvPicPr>
          <p:cNvPr id="83" name="Graphic 82">
            <a:extLst>
              <a:ext uri="{FF2B5EF4-FFF2-40B4-BE49-F238E27FC236}">
                <a16:creationId xmlns:a16="http://schemas.microsoft.com/office/drawing/2014/main" id="{8E963447-9B4C-466E-9D2E-18374270149C}"/>
              </a:ext>
            </a:extLst>
          </p:cNvPr>
          <p:cNvPicPr>
            <a:picLocks noChangeAspect="1"/>
          </p:cNvPicPr>
          <p:nvPr>
            <p:custDataLst>
              <p:tags r:id="rId12"/>
            </p:custDataLst>
          </p:nvPr>
        </p:nvPicPr>
        <p:blipFill>
          <a:blip r:embed="rId41" cstate="screen">
            <a:extLst>
              <a:ext uri="{28A0092B-C50C-407E-A947-70E740481C1C}">
                <a14:useLocalDpi xmlns:a14="http://schemas.microsoft.com/office/drawing/2010/main"/>
              </a:ext>
              <a:ext uri="{96DAC541-7B7A-43D3-8B79-37D633B846F1}">
                <asvg:svgBlip xmlns:asvg="http://schemas.microsoft.com/office/drawing/2016/SVG/main" r:embed="rId42"/>
              </a:ext>
            </a:extLst>
          </a:blip>
          <a:srcRect/>
          <a:stretch>
            <a:fillRect/>
          </a:stretch>
        </p:blipFill>
        <p:spPr>
          <a:xfrm flipH="1">
            <a:off x="6795657" y="5134537"/>
            <a:ext cx="441673" cy="331254"/>
          </a:xfrm>
          <a:prstGeom prst="rect">
            <a:avLst/>
          </a:prstGeom>
        </p:spPr>
      </p:pic>
      <p:grpSp>
        <p:nvGrpSpPr>
          <p:cNvPr id="85" name="Group 84">
            <a:extLst>
              <a:ext uri="{FF2B5EF4-FFF2-40B4-BE49-F238E27FC236}">
                <a16:creationId xmlns:a16="http://schemas.microsoft.com/office/drawing/2014/main" id="{EAFA36A4-65BD-4816-B3FD-F52B38908091}"/>
              </a:ext>
            </a:extLst>
          </p:cNvPr>
          <p:cNvGrpSpPr/>
          <p:nvPr/>
        </p:nvGrpSpPr>
        <p:grpSpPr>
          <a:xfrm>
            <a:off x="11469105" y="5163415"/>
            <a:ext cx="229608" cy="293774"/>
            <a:chOff x="-2161150" y="3469405"/>
            <a:chExt cx="946373" cy="1210844"/>
          </a:xfrm>
        </p:grpSpPr>
        <p:sp>
          <p:nvSpPr>
            <p:cNvPr id="86" name="Freeform: Shape 85">
              <a:extLst>
                <a:ext uri="{FF2B5EF4-FFF2-40B4-BE49-F238E27FC236}">
                  <a16:creationId xmlns:a16="http://schemas.microsoft.com/office/drawing/2014/main" id="{D3392654-66AF-401C-9114-ED6571E7F931}"/>
                </a:ext>
              </a:extLst>
            </p:cNvPr>
            <p:cNvSpPr/>
            <p:nvPr/>
          </p:nvSpPr>
          <p:spPr>
            <a:xfrm>
              <a:off x="-1724362" y="4280564"/>
              <a:ext cx="5448" cy="1503"/>
            </a:xfrm>
            <a:custGeom>
              <a:avLst/>
              <a:gdLst>
                <a:gd name="connsiteX0" fmla="*/ 0 w 11049"/>
                <a:gd name="connsiteY0" fmla="*/ 3048 h 3047"/>
                <a:gd name="connsiteX1" fmla="*/ 2477 w 11049"/>
                <a:gd name="connsiteY1" fmla="*/ 3048 h 3047"/>
                <a:gd name="connsiteX2" fmla="*/ 4953 w 11049"/>
                <a:gd name="connsiteY2" fmla="*/ 3048 h 3047"/>
                <a:gd name="connsiteX3" fmla="*/ 5715 w 11049"/>
                <a:gd name="connsiteY3" fmla="*/ 2667 h 3047"/>
                <a:gd name="connsiteX4" fmla="*/ 6477 w 11049"/>
                <a:gd name="connsiteY4" fmla="*/ 2286 h 3047"/>
                <a:gd name="connsiteX5" fmla="*/ 8763 w 11049"/>
                <a:gd name="connsiteY5" fmla="*/ 1143 h 3047"/>
                <a:gd name="connsiteX6" fmla="*/ 11049 w 11049"/>
                <a:gd name="connsiteY6" fmla="*/ 0 h 3047"/>
                <a:gd name="connsiteX7" fmla="*/ 7810 w 11049"/>
                <a:gd name="connsiteY7" fmla="*/ 0 h 3047"/>
                <a:gd name="connsiteX8" fmla="*/ 4572 w 11049"/>
                <a:gd name="connsiteY8" fmla="*/ 0 h 3047"/>
                <a:gd name="connsiteX9" fmla="*/ 2191 w 11049"/>
                <a:gd name="connsiteY9" fmla="*/ 1524 h 3047"/>
                <a:gd name="connsiteX10" fmla="*/ 0 w 11049"/>
                <a:gd name="connsiteY10" fmla="*/ 3048 h 30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1049" h="3047">
                  <a:moveTo>
                    <a:pt x="0" y="3048"/>
                  </a:moveTo>
                  <a:lnTo>
                    <a:pt x="2477" y="3048"/>
                  </a:lnTo>
                  <a:lnTo>
                    <a:pt x="4953" y="3048"/>
                  </a:lnTo>
                  <a:cubicBezTo>
                    <a:pt x="5239" y="2953"/>
                    <a:pt x="5525" y="2762"/>
                    <a:pt x="5715" y="2667"/>
                  </a:cubicBezTo>
                  <a:cubicBezTo>
                    <a:pt x="6001" y="2572"/>
                    <a:pt x="6287" y="2476"/>
                    <a:pt x="6477" y="2286"/>
                  </a:cubicBezTo>
                  <a:cubicBezTo>
                    <a:pt x="7239" y="1905"/>
                    <a:pt x="8001" y="1524"/>
                    <a:pt x="8763" y="1143"/>
                  </a:cubicBezTo>
                  <a:cubicBezTo>
                    <a:pt x="9525" y="762"/>
                    <a:pt x="10287" y="381"/>
                    <a:pt x="11049" y="0"/>
                  </a:cubicBezTo>
                  <a:lnTo>
                    <a:pt x="7810" y="0"/>
                  </a:lnTo>
                  <a:lnTo>
                    <a:pt x="4572" y="0"/>
                  </a:lnTo>
                  <a:cubicBezTo>
                    <a:pt x="3810" y="476"/>
                    <a:pt x="3048" y="952"/>
                    <a:pt x="2191" y="1524"/>
                  </a:cubicBezTo>
                  <a:cubicBezTo>
                    <a:pt x="1524" y="2191"/>
                    <a:pt x="762" y="2667"/>
                    <a:pt x="0" y="3048"/>
                  </a:cubicBezTo>
                  <a:close/>
                </a:path>
              </a:pathLst>
            </a:custGeom>
            <a:solidFill>
              <a:srgbClr val="FFFFFF"/>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87" name="Freeform: Shape 86">
              <a:extLst>
                <a:ext uri="{FF2B5EF4-FFF2-40B4-BE49-F238E27FC236}">
                  <a16:creationId xmlns:a16="http://schemas.microsoft.com/office/drawing/2014/main" id="{FB925515-F4C0-410B-A5FA-922093734669}"/>
                </a:ext>
              </a:extLst>
            </p:cNvPr>
            <p:cNvSpPr/>
            <p:nvPr/>
          </p:nvSpPr>
          <p:spPr>
            <a:xfrm>
              <a:off x="-2041713" y="4527608"/>
              <a:ext cx="94636" cy="83976"/>
            </a:xfrm>
            <a:custGeom>
              <a:avLst/>
              <a:gdLst>
                <a:gd name="connsiteX0" fmla="*/ 75438 w 191928"/>
                <a:gd name="connsiteY0" fmla="*/ 0 h 170307"/>
                <a:gd name="connsiteX1" fmla="*/ 36671 w 191928"/>
                <a:gd name="connsiteY1" fmla="*/ 70485 h 170307"/>
                <a:gd name="connsiteX2" fmla="*/ 0 w 191928"/>
                <a:gd name="connsiteY2" fmla="*/ 94964 h 170307"/>
                <a:gd name="connsiteX3" fmla="*/ 48196 w 191928"/>
                <a:gd name="connsiteY3" fmla="*/ 147923 h 170307"/>
                <a:gd name="connsiteX4" fmla="*/ 86201 w 191928"/>
                <a:gd name="connsiteY4" fmla="*/ 165545 h 170307"/>
                <a:gd name="connsiteX5" fmla="*/ 126968 w 191928"/>
                <a:gd name="connsiteY5" fmla="*/ 170307 h 170307"/>
                <a:gd name="connsiteX6" fmla="*/ 191929 w 191928"/>
                <a:gd name="connsiteY6" fmla="*/ 37338 h 170307"/>
                <a:gd name="connsiteX7" fmla="*/ 189357 w 191928"/>
                <a:gd name="connsiteY7" fmla="*/ 36100 h 170307"/>
                <a:gd name="connsiteX8" fmla="*/ 141446 w 191928"/>
                <a:gd name="connsiteY8" fmla="*/ 2572 h 170307"/>
                <a:gd name="connsiteX9" fmla="*/ 75438 w 191928"/>
                <a:gd name="connsiteY9" fmla="*/ 0 h 170307"/>
                <a:gd name="connsiteX10" fmla="*/ 75438 w 191928"/>
                <a:gd name="connsiteY10" fmla="*/ 0 h 1703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91928" h="170307">
                  <a:moveTo>
                    <a:pt x="75438" y="0"/>
                  </a:moveTo>
                  <a:lnTo>
                    <a:pt x="36671" y="70485"/>
                  </a:lnTo>
                  <a:lnTo>
                    <a:pt x="0" y="94964"/>
                  </a:lnTo>
                  <a:lnTo>
                    <a:pt x="48196" y="147923"/>
                  </a:lnTo>
                  <a:lnTo>
                    <a:pt x="86201" y="165545"/>
                  </a:lnTo>
                  <a:lnTo>
                    <a:pt x="126968" y="170307"/>
                  </a:lnTo>
                  <a:lnTo>
                    <a:pt x="191929" y="37338"/>
                  </a:lnTo>
                  <a:lnTo>
                    <a:pt x="189357" y="36100"/>
                  </a:lnTo>
                  <a:cubicBezTo>
                    <a:pt x="169831" y="26575"/>
                    <a:pt x="162116" y="8954"/>
                    <a:pt x="141446" y="2572"/>
                  </a:cubicBezTo>
                  <a:cubicBezTo>
                    <a:pt x="123920" y="-2572"/>
                    <a:pt x="93536" y="2953"/>
                    <a:pt x="75438" y="0"/>
                  </a:cubicBezTo>
                  <a:lnTo>
                    <a:pt x="75438" y="0"/>
                  </a:lnTo>
                  <a:close/>
                </a:path>
              </a:pathLst>
            </a:custGeom>
            <a:solidFill>
              <a:srgbClr val="43AAE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88" name="Freeform: Shape 87">
              <a:extLst>
                <a:ext uri="{FF2B5EF4-FFF2-40B4-BE49-F238E27FC236}">
                  <a16:creationId xmlns:a16="http://schemas.microsoft.com/office/drawing/2014/main" id="{38FE7D19-3A76-43CA-83FC-0B4BFEB95F3D}"/>
                </a:ext>
              </a:extLst>
            </p:cNvPr>
            <p:cNvSpPr/>
            <p:nvPr/>
          </p:nvSpPr>
          <p:spPr>
            <a:xfrm>
              <a:off x="-2012688" y="4525541"/>
              <a:ext cx="66974" cy="41424"/>
            </a:xfrm>
            <a:custGeom>
              <a:avLst/>
              <a:gdLst>
                <a:gd name="connsiteX0" fmla="*/ 113157 w 135826"/>
                <a:gd name="connsiteY0" fmla="*/ 84011 h 84010"/>
                <a:gd name="connsiteX1" fmla="*/ 135826 w 135826"/>
                <a:gd name="connsiteY1" fmla="*/ 37529 h 84010"/>
                <a:gd name="connsiteX2" fmla="*/ 133255 w 135826"/>
                <a:gd name="connsiteY2" fmla="*/ 36290 h 84010"/>
                <a:gd name="connsiteX3" fmla="*/ 85344 w 135826"/>
                <a:gd name="connsiteY3" fmla="*/ 2762 h 84010"/>
                <a:gd name="connsiteX4" fmla="*/ 19336 w 135826"/>
                <a:gd name="connsiteY4" fmla="*/ 0 h 84010"/>
                <a:gd name="connsiteX5" fmla="*/ 0 w 135826"/>
                <a:gd name="connsiteY5" fmla="*/ 35147 h 84010"/>
                <a:gd name="connsiteX6" fmla="*/ 113157 w 135826"/>
                <a:gd name="connsiteY6" fmla="*/ 84011 h 8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5826" h="84010">
                  <a:moveTo>
                    <a:pt x="113157" y="84011"/>
                  </a:moveTo>
                  <a:lnTo>
                    <a:pt x="135826" y="37529"/>
                  </a:lnTo>
                  <a:lnTo>
                    <a:pt x="133255" y="36290"/>
                  </a:lnTo>
                  <a:cubicBezTo>
                    <a:pt x="113728" y="26765"/>
                    <a:pt x="106013" y="9144"/>
                    <a:pt x="85344" y="2762"/>
                  </a:cubicBezTo>
                  <a:cubicBezTo>
                    <a:pt x="67818" y="-2572"/>
                    <a:pt x="37433" y="2953"/>
                    <a:pt x="19336" y="0"/>
                  </a:cubicBezTo>
                  <a:lnTo>
                    <a:pt x="0" y="35147"/>
                  </a:lnTo>
                  <a:cubicBezTo>
                    <a:pt x="37147" y="52769"/>
                    <a:pt x="75057" y="68580"/>
                    <a:pt x="113157" y="84011"/>
                  </a:cubicBezTo>
                  <a:close/>
                </a:path>
              </a:pathLst>
            </a:custGeom>
            <a:solidFill>
              <a:srgbClr val="B9C4D5"/>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89" name="Freeform: Shape 88">
              <a:extLst>
                <a:ext uri="{FF2B5EF4-FFF2-40B4-BE49-F238E27FC236}">
                  <a16:creationId xmlns:a16="http://schemas.microsoft.com/office/drawing/2014/main" id="{60F24216-3393-462C-8045-47603A39F1A7}"/>
                </a:ext>
              </a:extLst>
            </p:cNvPr>
            <p:cNvSpPr/>
            <p:nvPr/>
          </p:nvSpPr>
          <p:spPr>
            <a:xfrm>
              <a:off x="-1671152" y="4525401"/>
              <a:ext cx="76368" cy="80219"/>
            </a:xfrm>
            <a:custGeom>
              <a:avLst/>
              <a:gdLst>
                <a:gd name="connsiteX0" fmla="*/ 0 w 154876"/>
                <a:gd name="connsiteY0" fmla="*/ 33338 h 162687"/>
                <a:gd name="connsiteX1" fmla="*/ 97631 w 154876"/>
                <a:gd name="connsiteY1" fmla="*/ 0 h 162687"/>
                <a:gd name="connsiteX2" fmla="*/ 154877 w 154876"/>
                <a:gd name="connsiteY2" fmla="*/ 134779 h 162687"/>
                <a:gd name="connsiteX3" fmla="*/ 114776 w 154876"/>
                <a:gd name="connsiteY3" fmla="*/ 162687 h 162687"/>
                <a:gd name="connsiteX4" fmla="*/ 26480 w 154876"/>
                <a:gd name="connsiteY4" fmla="*/ 146399 h 1626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4876" h="162687">
                  <a:moveTo>
                    <a:pt x="0" y="33338"/>
                  </a:moveTo>
                  <a:lnTo>
                    <a:pt x="97631" y="0"/>
                  </a:lnTo>
                  <a:lnTo>
                    <a:pt x="154877" y="134779"/>
                  </a:lnTo>
                  <a:lnTo>
                    <a:pt x="114776" y="162687"/>
                  </a:lnTo>
                  <a:lnTo>
                    <a:pt x="26480" y="146399"/>
                  </a:lnTo>
                  <a:close/>
                </a:path>
              </a:pathLst>
            </a:custGeom>
            <a:solidFill>
              <a:srgbClr val="43AAE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0" name="Freeform: Shape 89">
              <a:extLst>
                <a:ext uri="{FF2B5EF4-FFF2-40B4-BE49-F238E27FC236}">
                  <a16:creationId xmlns:a16="http://schemas.microsoft.com/office/drawing/2014/main" id="{1CCD4519-EDC8-42BB-8160-2AD5EB7684B3}"/>
                </a:ext>
              </a:extLst>
            </p:cNvPr>
            <p:cNvSpPr/>
            <p:nvPr/>
          </p:nvSpPr>
          <p:spPr>
            <a:xfrm>
              <a:off x="-1666024" y="4517182"/>
              <a:ext cx="60023" cy="50112"/>
            </a:xfrm>
            <a:custGeom>
              <a:avLst/>
              <a:gdLst>
                <a:gd name="connsiteX0" fmla="*/ 97631 w 121729"/>
                <a:gd name="connsiteY0" fmla="*/ 0 h 101631"/>
                <a:gd name="connsiteX1" fmla="*/ 0 w 121729"/>
                <a:gd name="connsiteY1" fmla="*/ 33338 h 101631"/>
                <a:gd name="connsiteX2" fmla="*/ 16002 w 121729"/>
                <a:gd name="connsiteY2" fmla="*/ 101632 h 101631"/>
                <a:gd name="connsiteX3" fmla="*/ 121729 w 121729"/>
                <a:gd name="connsiteY3" fmla="*/ 70866 h 101631"/>
                <a:gd name="connsiteX4" fmla="*/ 97631 w 121729"/>
                <a:gd name="connsiteY4" fmla="*/ 0 h 10163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1729" h="101631">
                  <a:moveTo>
                    <a:pt x="97631" y="0"/>
                  </a:moveTo>
                  <a:lnTo>
                    <a:pt x="0" y="33338"/>
                  </a:lnTo>
                  <a:lnTo>
                    <a:pt x="16002" y="101632"/>
                  </a:lnTo>
                  <a:cubicBezTo>
                    <a:pt x="51435" y="92202"/>
                    <a:pt x="86487" y="80867"/>
                    <a:pt x="121729" y="70866"/>
                  </a:cubicBezTo>
                  <a:lnTo>
                    <a:pt x="97631" y="0"/>
                  </a:lnTo>
                  <a:close/>
                </a:path>
              </a:pathLst>
            </a:custGeom>
            <a:solidFill>
              <a:srgbClr val="B9C4D5"/>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1" name="Freeform: Shape 90">
              <a:extLst>
                <a:ext uri="{FF2B5EF4-FFF2-40B4-BE49-F238E27FC236}">
                  <a16:creationId xmlns:a16="http://schemas.microsoft.com/office/drawing/2014/main" id="{0055A924-89C0-400B-BC39-1AB98C270ADC}"/>
                </a:ext>
              </a:extLst>
            </p:cNvPr>
            <p:cNvSpPr/>
            <p:nvPr/>
          </p:nvSpPr>
          <p:spPr>
            <a:xfrm>
              <a:off x="-2161150" y="3469405"/>
              <a:ext cx="4697" cy="4697"/>
            </a:xfrm>
            <a:custGeom>
              <a:avLst/>
              <a:gdLst/>
              <a:ahLst/>
              <a:cxnLst/>
              <a:rect l="l" t="t" r="r" b="b"/>
              <a:pathLst>
                <a:path w="9525" h="9525"/>
              </a:pathLst>
            </a:custGeom>
            <a:solidFill>
              <a:srgbClr val="FFFFFF"/>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2" name="Freeform: Shape 91">
              <a:extLst>
                <a:ext uri="{FF2B5EF4-FFF2-40B4-BE49-F238E27FC236}">
                  <a16:creationId xmlns:a16="http://schemas.microsoft.com/office/drawing/2014/main" id="{C836B919-9D66-487A-A9F7-8BE7145E4BED}"/>
                </a:ext>
              </a:extLst>
            </p:cNvPr>
            <p:cNvSpPr/>
            <p:nvPr/>
          </p:nvSpPr>
          <p:spPr>
            <a:xfrm>
              <a:off x="-1823884" y="3861340"/>
              <a:ext cx="247325" cy="292721"/>
            </a:xfrm>
            <a:custGeom>
              <a:avLst/>
              <a:gdLst>
                <a:gd name="connsiteX0" fmla="*/ 105251 w 501583"/>
                <a:gd name="connsiteY0" fmla="*/ 172117 h 593652"/>
                <a:gd name="connsiteX1" fmla="*/ 117729 w 501583"/>
                <a:gd name="connsiteY1" fmla="*/ 171641 h 593652"/>
                <a:gd name="connsiteX2" fmla="*/ 165068 w 501583"/>
                <a:gd name="connsiteY2" fmla="*/ 156782 h 593652"/>
                <a:gd name="connsiteX3" fmla="*/ 292513 w 501583"/>
                <a:gd name="connsiteY3" fmla="*/ 74962 h 593652"/>
                <a:gd name="connsiteX4" fmla="*/ 300990 w 501583"/>
                <a:gd name="connsiteY4" fmla="*/ 75057 h 593652"/>
                <a:gd name="connsiteX5" fmla="*/ 367856 w 501583"/>
                <a:gd name="connsiteY5" fmla="*/ 49244 h 593652"/>
                <a:gd name="connsiteX6" fmla="*/ 367856 w 501583"/>
                <a:gd name="connsiteY6" fmla="*/ 49244 h 593652"/>
                <a:gd name="connsiteX7" fmla="*/ 387858 w 501583"/>
                <a:gd name="connsiteY7" fmla="*/ 14002 h 593652"/>
                <a:gd name="connsiteX8" fmla="*/ 390906 w 501583"/>
                <a:gd name="connsiteY8" fmla="*/ 0 h 593652"/>
                <a:gd name="connsiteX9" fmla="*/ 424910 w 501583"/>
                <a:gd name="connsiteY9" fmla="*/ 11335 h 593652"/>
                <a:gd name="connsiteX10" fmla="*/ 439293 w 501583"/>
                <a:gd name="connsiteY10" fmla="*/ 29528 h 593652"/>
                <a:gd name="connsiteX11" fmla="*/ 451199 w 501583"/>
                <a:gd name="connsiteY11" fmla="*/ 158496 h 593652"/>
                <a:gd name="connsiteX12" fmla="*/ 448151 w 501583"/>
                <a:gd name="connsiteY12" fmla="*/ 171641 h 593652"/>
                <a:gd name="connsiteX13" fmla="*/ 444437 w 501583"/>
                <a:gd name="connsiteY13" fmla="*/ 177641 h 593652"/>
                <a:gd name="connsiteX14" fmla="*/ 487585 w 501583"/>
                <a:gd name="connsiteY14" fmla="*/ 261366 h 593652"/>
                <a:gd name="connsiteX15" fmla="*/ 492443 w 501583"/>
                <a:gd name="connsiteY15" fmla="*/ 277940 h 593652"/>
                <a:gd name="connsiteX16" fmla="*/ 501396 w 501583"/>
                <a:gd name="connsiteY16" fmla="*/ 376904 h 593652"/>
                <a:gd name="connsiteX17" fmla="*/ 495395 w 501583"/>
                <a:gd name="connsiteY17" fmla="*/ 403765 h 593652"/>
                <a:gd name="connsiteX18" fmla="*/ 455486 w 501583"/>
                <a:gd name="connsiteY18" fmla="*/ 471964 h 593652"/>
                <a:gd name="connsiteX19" fmla="*/ 444532 w 501583"/>
                <a:gd name="connsiteY19" fmla="*/ 478250 h 593652"/>
                <a:gd name="connsiteX20" fmla="*/ 444532 w 501583"/>
                <a:gd name="connsiteY20" fmla="*/ 478250 h 593652"/>
                <a:gd name="connsiteX21" fmla="*/ 432816 w 501583"/>
                <a:gd name="connsiteY21" fmla="*/ 484442 h 593652"/>
                <a:gd name="connsiteX22" fmla="*/ 395002 w 501583"/>
                <a:gd name="connsiteY22" fmla="*/ 540830 h 593652"/>
                <a:gd name="connsiteX23" fmla="*/ 382048 w 501583"/>
                <a:gd name="connsiteY23" fmla="*/ 553593 h 593652"/>
                <a:gd name="connsiteX24" fmla="*/ 325660 w 501583"/>
                <a:gd name="connsiteY24" fmla="*/ 590264 h 593652"/>
                <a:gd name="connsiteX25" fmla="*/ 305372 w 501583"/>
                <a:gd name="connsiteY25" fmla="*/ 591598 h 593652"/>
                <a:gd name="connsiteX26" fmla="*/ 106013 w 501583"/>
                <a:gd name="connsiteY26" fmla="*/ 495776 h 593652"/>
                <a:gd name="connsiteX27" fmla="*/ 94298 w 501583"/>
                <a:gd name="connsiteY27" fmla="*/ 485204 h 593652"/>
                <a:gd name="connsiteX28" fmla="*/ 0 w 501583"/>
                <a:gd name="connsiteY28" fmla="*/ 331946 h 593652"/>
                <a:gd name="connsiteX29" fmla="*/ 39433 w 501583"/>
                <a:gd name="connsiteY29" fmla="*/ 262890 h 593652"/>
                <a:gd name="connsiteX30" fmla="*/ 54674 w 501583"/>
                <a:gd name="connsiteY30" fmla="*/ 254318 h 593652"/>
                <a:gd name="connsiteX31" fmla="*/ 77915 w 501583"/>
                <a:gd name="connsiteY31" fmla="*/ 229457 h 593652"/>
                <a:gd name="connsiteX32" fmla="*/ 105251 w 501583"/>
                <a:gd name="connsiteY32" fmla="*/ 172117 h 5936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501583" h="593652">
                  <a:moveTo>
                    <a:pt x="105251" y="172117"/>
                  </a:moveTo>
                  <a:lnTo>
                    <a:pt x="117729" y="171641"/>
                  </a:lnTo>
                  <a:cubicBezTo>
                    <a:pt x="134588" y="171069"/>
                    <a:pt x="150876" y="165926"/>
                    <a:pt x="165068" y="156782"/>
                  </a:cubicBezTo>
                  <a:lnTo>
                    <a:pt x="292513" y="74962"/>
                  </a:lnTo>
                  <a:lnTo>
                    <a:pt x="300990" y="75057"/>
                  </a:lnTo>
                  <a:cubicBezTo>
                    <a:pt x="325755" y="75438"/>
                    <a:pt x="349758" y="66199"/>
                    <a:pt x="367856" y="49244"/>
                  </a:cubicBezTo>
                  <a:lnTo>
                    <a:pt x="367856" y="49244"/>
                  </a:lnTo>
                  <a:cubicBezTo>
                    <a:pt x="377952" y="39815"/>
                    <a:pt x="384905" y="27527"/>
                    <a:pt x="387858" y="14002"/>
                  </a:cubicBezTo>
                  <a:lnTo>
                    <a:pt x="390906" y="0"/>
                  </a:lnTo>
                  <a:lnTo>
                    <a:pt x="424910" y="11335"/>
                  </a:lnTo>
                  <a:cubicBezTo>
                    <a:pt x="432911" y="14002"/>
                    <a:pt x="438531" y="21146"/>
                    <a:pt x="439293" y="29528"/>
                  </a:cubicBezTo>
                  <a:lnTo>
                    <a:pt x="451199" y="158496"/>
                  </a:lnTo>
                  <a:cubicBezTo>
                    <a:pt x="451580" y="163068"/>
                    <a:pt x="450533" y="167640"/>
                    <a:pt x="448151" y="171641"/>
                  </a:cubicBezTo>
                  <a:lnTo>
                    <a:pt x="444437" y="177641"/>
                  </a:lnTo>
                  <a:lnTo>
                    <a:pt x="487585" y="261366"/>
                  </a:lnTo>
                  <a:cubicBezTo>
                    <a:pt x="490252" y="266510"/>
                    <a:pt x="491871" y="272129"/>
                    <a:pt x="492443" y="277940"/>
                  </a:cubicBezTo>
                  <a:lnTo>
                    <a:pt x="501396" y="376904"/>
                  </a:lnTo>
                  <a:cubicBezTo>
                    <a:pt x="502253" y="386239"/>
                    <a:pt x="500158" y="395669"/>
                    <a:pt x="495395" y="403765"/>
                  </a:cubicBezTo>
                  <a:lnTo>
                    <a:pt x="455486" y="471964"/>
                  </a:lnTo>
                  <a:cubicBezTo>
                    <a:pt x="453200" y="475869"/>
                    <a:pt x="449009" y="478250"/>
                    <a:pt x="444532" y="478250"/>
                  </a:cubicBezTo>
                  <a:lnTo>
                    <a:pt x="444532" y="478250"/>
                  </a:lnTo>
                  <a:cubicBezTo>
                    <a:pt x="439865" y="478250"/>
                    <a:pt x="435483" y="480632"/>
                    <a:pt x="432816" y="484442"/>
                  </a:cubicBezTo>
                  <a:lnTo>
                    <a:pt x="395002" y="540830"/>
                  </a:lnTo>
                  <a:cubicBezTo>
                    <a:pt x="391573" y="545878"/>
                    <a:pt x="387191" y="550259"/>
                    <a:pt x="382048" y="553593"/>
                  </a:cubicBezTo>
                  <a:lnTo>
                    <a:pt x="325660" y="590264"/>
                  </a:lnTo>
                  <a:cubicBezTo>
                    <a:pt x="319564" y="594265"/>
                    <a:pt x="311849" y="594741"/>
                    <a:pt x="305372" y="591598"/>
                  </a:cubicBezTo>
                  <a:lnTo>
                    <a:pt x="106013" y="495776"/>
                  </a:lnTo>
                  <a:cubicBezTo>
                    <a:pt x="101156" y="493490"/>
                    <a:pt x="97060" y="489775"/>
                    <a:pt x="94298" y="485204"/>
                  </a:cubicBezTo>
                  <a:lnTo>
                    <a:pt x="0" y="331946"/>
                  </a:lnTo>
                  <a:lnTo>
                    <a:pt x="39433" y="262890"/>
                  </a:lnTo>
                  <a:lnTo>
                    <a:pt x="54674" y="254318"/>
                  </a:lnTo>
                  <a:cubicBezTo>
                    <a:pt x="64770" y="248603"/>
                    <a:pt x="72962" y="239935"/>
                    <a:pt x="77915" y="229457"/>
                  </a:cubicBezTo>
                  <a:lnTo>
                    <a:pt x="105251" y="172117"/>
                  </a:lnTo>
                  <a:close/>
                </a:path>
              </a:pathLst>
            </a:custGeom>
            <a:solidFill>
              <a:srgbClr val="969892"/>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3" name="Freeform: Shape 92">
              <a:extLst>
                <a:ext uri="{FF2B5EF4-FFF2-40B4-BE49-F238E27FC236}">
                  <a16:creationId xmlns:a16="http://schemas.microsoft.com/office/drawing/2014/main" id="{01C0A6DF-1ED8-4037-8704-55AD1D511A70}"/>
                </a:ext>
              </a:extLst>
            </p:cNvPr>
            <p:cNvSpPr/>
            <p:nvPr/>
          </p:nvSpPr>
          <p:spPr>
            <a:xfrm>
              <a:off x="-1818951" y="3860447"/>
              <a:ext cx="61314" cy="107481"/>
            </a:xfrm>
            <a:custGeom>
              <a:avLst/>
              <a:gdLst>
                <a:gd name="connsiteX0" fmla="*/ 88236 w 124347"/>
                <a:gd name="connsiteY0" fmla="*/ 202216 h 217976"/>
                <a:gd name="connsiteX1" fmla="*/ 112620 w 124347"/>
                <a:gd name="connsiteY1" fmla="*/ 184499 h 217976"/>
                <a:gd name="connsiteX2" fmla="*/ 117574 w 124347"/>
                <a:gd name="connsiteY2" fmla="*/ 179642 h 217976"/>
                <a:gd name="connsiteX3" fmla="*/ 117478 w 124347"/>
                <a:gd name="connsiteY3" fmla="*/ 179451 h 217976"/>
                <a:gd name="connsiteX4" fmla="*/ 121193 w 124347"/>
                <a:gd name="connsiteY4" fmla="*/ 173450 h 217976"/>
                <a:gd name="connsiteX5" fmla="*/ 124241 w 124347"/>
                <a:gd name="connsiteY5" fmla="*/ 160306 h 217976"/>
                <a:gd name="connsiteX6" fmla="*/ 112335 w 124347"/>
                <a:gd name="connsiteY6" fmla="*/ 31337 h 217976"/>
                <a:gd name="connsiteX7" fmla="*/ 97952 w 124347"/>
                <a:gd name="connsiteY7" fmla="*/ 13144 h 217976"/>
                <a:gd name="connsiteX8" fmla="*/ 58899 w 124347"/>
                <a:gd name="connsiteY8" fmla="*/ 0 h 217976"/>
                <a:gd name="connsiteX9" fmla="*/ 60900 w 124347"/>
                <a:gd name="connsiteY9" fmla="*/ 15811 h 217976"/>
                <a:gd name="connsiteX10" fmla="*/ 40897 w 124347"/>
                <a:gd name="connsiteY10" fmla="*/ 51054 h 217976"/>
                <a:gd name="connsiteX11" fmla="*/ 40897 w 124347"/>
                <a:gd name="connsiteY11" fmla="*/ 51054 h 217976"/>
                <a:gd name="connsiteX12" fmla="*/ 29372 w 124347"/>
                <a:gd name="connsiteY12" fmla="*/ 60198 h 217976"/>
                <a:gd name="connsiteX13" fmla="*/ 30134 w 124347"/>
                <a:gd name="connsiteY13" fmla="*/ 64960 h 217976"/>
                <a:gd name="connsiteX14" fmla="*/ 23657 w 124347"/>
                <a:gd name="connsiteY14" fmla="*/ 116776 h 217976"/>
                <a:gd name="connsiteX15" fmla="*/ 12513 w 124347"/>
                <a:gd name="connsiteY15" fmla="*/ 142875 h 217976"/>
                <a:gd name="connsiteX16" fmla="*/ 130 w 124347"/>
                <a:gd name="connsiteY16" fmla="*/ 210407 h 217976"/>
                <a:gd name="connsiteX17" fmla="*/ 130 w 124347"/>
                <a:gd name="connsiteY17" fmla="*/ 210407 h 217976"/>
                <a:gd name="connsiteX18" fmla="*/ 48898 w 124347"/>
                <a:gd name="connsiteY18" fmla="*/ 217742 h 217976"/>
                <a:gd name="connsiteX19" fmla="*/ 62424 w 124347"/>
                <a:gd name="connsiteY19" fmla="*/ 215551 h 217976"/>
                <a:gd name="connsiteX20" fmla="*/ 88236 w 124347"/>
                <a:gd name="connsiteY20" fmla="*/ 202216 h 2179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124347" h="217976">
                  <a:moveTo>
                    <a:pt x="88236" y="202216"/>
                  </a:moveTo>
                  <a:cubicBezTo>
                    <a:pt x="97190" y="197644"/>
                    <a:pt x="105477" y="191643"/>
                    <a:pt x="112620" y="184499"/>
                  </a:cubicBezTo>
                  <a:lnTo>
                    <a:pt x="117574" y="179642"/>
                  </a:lnTo>
                  <a:lnTo>
                    <a:pt x="117478" y="179451"/>
                  </a:lnTo>
                  <a:lnTo>
                    <a:pt x="121193" y="173450"/>
                  </a:lnTo>
                  <a:cubicBezTo>
                    <a:pt x="123574" y="169545"/>
                    <a:pt x="124717" y="164973"/>
                    <a:pt x="124241" y="160306"/>
                  </a:cubicBezTo>
                  <a:lnTo>
                    <a:pt x="112335" y="31337"/>
                  </a:lnTo>
                  <a:cubicBezTo>
                    <a:pt x="111573" y="22955"/>
                    <a:pt x="105858" y="15811"/>
                    <a:pt x="97952" y="13144"/>
                  </a:cubicBezTo>
                  <a:lnTo>
                    <a:pt x="58899" y="0"/>
                  </a:lnTo>
                  <a:lnTo>
                    <a:pt x="60900" y="15811"/>
                  </a:lnTo>
                  <a:cubicBezTo>
                    <a:pt x="57947" y="29337"/>
                    <a:pt x="50899" y="41624"/>
                    <a:pt x="40897" y="51054"/>
                  </a:cubicBezTo>
                  <a:lnTo>
                    <a:pt x="40897" y="51054"/>
                  </a:lnTo>
                  <a:cubicBezTo>
                    <a:pt x="37278" y="54388"/>
                    <a:pt x="33372" y="57436"/>
                    <a:pt x="29372" y="60198"/>
                  </a:cubicBezTo>
                  <a:lnTo>
                    <a:pt x="30134" y="64960"/>
                  </a:lnTo>
                  <a:cubicBezTo>
                    <a:pt x="32896" y="82486"/>
                    <a:pt x="30705" y="100489"/>
                    <a:pt x="23657" y="116776"/>
                  </a:cubicBezTo>
                  <a:lnTo>
                    <a:pt x="12513" y="142875"/>
                  </a:lnTo>
                  <a:cubicBezTo>
                    <a:pt x="3464" y="164211"/>
                    <a:pt x="-822" y="187261"/>
                    <a:pt x="130" y="210407"/>
                  </a:cubicBezTo>
                  <a:lnTo>
                    <a:pt x="130" y="210407"/>
                  </a:lnTo>
                  <a:lnTo>
                    <a:pt x="48898" y="217742"/>
                  </a:lnTo>
                  <a:cubicBezTo>
                    <a:pt x="53566" y="218408"/>
                    <a:pt x="58233" y="217646"/>
                    <a:pt x="62424" y="215551"/>
                  </a:cubicBezTo>
                  <a:lnTo>
                    <a:pt x="88236" y="202216"/>
                  </a:lnTo>
                  <a:close/>
                </a:path>
              </a:pathLst>
            </a:custGeom>
            <a:solidFill>
              <a:srgbClr val="A5A6A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4" name="Freeform: Shape 93">
              <a:extLst>
                <a:ext uri="{FF2B5EF4-FFF2-40B4-BE49-F238E27FC236}">
                  <a16:creationId xmlns:a16="http://schemas.microsoft.com/office/drawing/2014/main" id="{0D0456E8-64A1-4831-BB5B-84BD99A21C9B}"/>
                </a:ext>
              </a:extLst>
            </p:cNvPr>
            <p:cNvSpPr/>
            <p:nvPr/>
          </p:nvSpPr>
          <p:spPr>
            <a:xfrm>
              <a:off x="-1689652" y="3996791"/>
              <a:ext cx="112859" cy="101805"/>
            </a:xfrm>
            <a:custGeom>
              <a:avLst/>
              <a:gdLst>
                <a:gd name="connsiteX0" fmla="*/ 228886 w 228885"/>
                <a:gd name="connsiteY0" fmla="*/ 113252 h 206463"/>
                <a:gd name="connsiteX1" fmla="*/ 180404 w 228885"/>
                <a:gd name="connsiteY1" fmla="*/ 96012 h 206463"/>
                <a:gd name="connsiteX2" fmla="*/ 158877 w 228885"/>
                <a:gd name="connsiteY2" fmla="*/ 86011 h 206463"/>
                <a:gd name="connsiteX3" fmla="*/ 118300 w 228885"/>
                <a:gd name="connsiteY3" fmla="*/ 62103 h 206463"/>
                <a:gd name="connsiteX4" fmla="*/ 0 w 228885"/>
                <a:gd name="connsiteY4" fmla="*/ 0 h 206463"/>
                <a:gd name="connsiteX5" fmla="*/ 6763 w 228885"/>
                <a:gd name="connsiteY5" fmla="*/ 72676 h 206463"/>
                <a:gd name="connsiteX6" fmla="*/ 11621 w 228885"/>
                <a:gd name="connsiteY6" fmla="*/ 88011 h 206463"/>
                <a:gd name="connsiteX7" fmla="*/ 21241 w 228885"/>
                <a:gd name="connsiteY7" fmla="*/ 104870 h 206463"/>
                <a:gd name="connsiteX8" fmla="*/ 32575 w 228885"/>
                <a:gd name="connsiteY8" fmla="*/ 117253 h 206463"/>
                <a:gd name="connsiteX9" fmla="*/ 88106 w 228885"/>
                <a:gd name="connsiteY9" fmla="*/ 155829 h 206463"/>
                <a:gd name="connsiteX10" fmla="*/ 104394 w 228885"/>
                <a:gd name="connsiteY10" fmla="*/ 175069 h 206463"/>
                <a:gd name="connsiteX11" fmla="*/ 112490 w 228885"/>
                <a:gd name="connsiteY11" fmla="*/ 192310 h 206463"/>
                <a:gd name="connsiteX12" fmla="*/ 124111 w 228885"/>
                <a:gd name="connsiteY12" fmla="*/ 202597 h 206463"/>
                <a:gd name="connsiteX13" fmla="*/ 132588 w 228885"/>
                <a:gd name="connsiteY13" fmla="*/ 205454 h 206463"/>
                <a:gd name="connsiteX14" fmla="*/ 140303 w 228885"/>
                <a:gd name="connsiteY14" fmla="*/ 206407 h 206463"/>
                <a:gd name="connsiteX15" fmla="*/ 168688 w 228885"/>
                <a:gd name="connsiteY15" fmla="*/ 204311 h 206463"/>
                <a:gd name="connsiteX16" fmla="*/ 172688 w 228885"/>
                <a:gd name="connsiteY16" fmla="*/ 203644 h 206463"/>
                <a:gd name="connsiteX17" fmla="*/ 172688 w 228885"/>
                <a:gd name="connsiteY17" fmla="*/ 203644 h 206463"/>
                <a:gd name="connsiteX18" fmla="*/ 183642 w 228885"/>
                <a:gd name="connsiteY18" fmla="*/ 197358 h 206463"/>
                <a:gd name="connsiteX19" fmla="*/ 223552 w 228885"/>
                <a:gd name="connsiteY19" fmla="*/ 129159 h 206463"/>
                <a:gd name="connsiteX20" fmla="*/ 228886 w 228885"/>
                <a:gd name="connsiteY20" fmla="*/ 113252 h 2064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228885" h="206463">
                  <a:moveTo>
                    <a:pt x="228886" y="113252"/>
                  </a:moveTo>
                  <a:lnTo>
                    <a:pt x="180404" y="96012"/>
                  </a:lnTo>
                  <a:cubicBezTo>
                    <a:pt x="172974" y="93345"/>
                    <a:pt x="165735" y="90011"/>
                    <a:pt x="158877" y="86011"/>
                  </a:cubicBezTo>
                  <a:lnTo>
                    <a:pt x="118300" y="62103"/>
                  </a:lnTo>
                  <a:lnTo>
                    <a:pt x="0" y="0"/>
                  </a:lnTo>
                  <a:lnTo>
                    <a:pt x="6763" y="72676"/>
                  </a:lnTo>
                  <a:cubicBezTo>
                    <a:pt x="7239" y="78105"/>
                    <a:pt x="8954" y="83344"/>
                    <a:pt x="11621" y="88011"/>
                  </a:cubicBezTo>
                  <a:lnTo>
                    <a:pt x="21241" y="104870"/>
                  </a:lnTo>
                  <a:cubicBezTo>
                    <a:pt x="24003" y="109823"/>
                    <a:pt x="27908" y="114014"/>
                    <a:pt x="32575" y="117253"/>
                  </a:cubicBezTo>
                  <a:lnTo>
                    <a:pt x="88106" y="155829"/>
                  </a:lnTo>
                  <a:cubicBezTo>
                    <a:pt x="95155" y="160687"/>
                    <a:pt x="100775" y="167354"/>
                    <a:pt x="104394" y="175069"/>
                  </a:cubicBezTo>
                  <a:lnTo>
                    <a:pt x="112490" y="192310"/>
                  </a:lnTo>
                  <a:cubicBezTo>
                    <a:pt x="114776" y="197168"/>
                    <a:pt x="118967" y="200977"/>
                    <a:pt x="124111" y="202597"/>
                  </a:cubicBezTo>
                  <a:lnTo>
                    <a:pt x="132588" y="205454"/>
                  </a:lnTo>
                  <a:cubicBezTo>
                    <a:pt x="135065" y="206311"/>
                    <a:pt x="137636" y="206597"/>
                    <a:pt x="140303" y="206407"/>
                  </a:cubicBezTo>
                  <a:lnTo>
                    <a:pt x="168688" y="204311"/>
                  </a:lnTo>
                  <a:cubicBezTo>
                    <a:pt x="169926" y="203930"/>
                    <a:pt x="171260" y="203644"/>
                    <a:pt x="172688" y="203644"/>
                  </a:cubicBezTo>
                  <a:lnTo>
                    <a:pt x="172688" y="203644"/>
                  </a:lnTo>
                  <a:cubicBezTo>
                    <a:pt x="177165" y="203644"/>
                    <a:pt x="181356" y="201263"/>
                    <a:pt x="183642" y="197358"/>
                  </a:cubicBezTo>
                  <a:lnTo>
                    <a:pt x="223552" y="129159"/>
                  </a:lnTo>
                  <a:cubicBezTo>
                    <a:pt x="226314" y="124206"/>
                    <a:pt x="228029" y="118777"/>
                    <a:pt x="228886" y="113252"/>
                  </a:cubicBezTo>
                  <a:close/>
                </a:path>
              </a:pathLst>
            </a:custGeom>
            <a:solidFill>
              <a:srgbClr val="A5A6A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5" name="Freeform: Shape 94">
              <a:extLst>
                <a:ext uri="{FF2B5EF4-FFF2-40B4-BE49-F238E27FC236}">
                  <a16:creationId xmlns:a16="http://schemas.microsoft.com/office/drawing/2014/main" id="{7DB95BE0-20E4-4D7D-8B38-D6FB01EDAAD7}"/>
                </a:ext>
              </a:extLst>
            </p:cNvPr>
            <p:cNvSpPr/>
            <p:nvPr/>
          </p:nvSpPr>
          <p:spPr>
            <a:xfrm>
              <a:off x="-1884262" y="3718421"/>
              <a:ext cx="157084" cy="349665"/>
            </a:xfrm>
            <a:custGeom>
              <a:avLst/>
              <a:gdLst>
                <a:gd name="connsiteX0" fmla="*/ 137120 w 318571"/>
                <a:gd name="connsiteY0" fmla="*/ 1429 h 709136"/>
                <a:gd name="connsiteX1" fmla="*/ 157884 w 318571"/>
                <a:gd name="connsiteY1" fmla="*/ 0 h 709136"/>
                <a:gd name="connsiteX2" fmla="*/ 140358 w 318571"/>
                <a:gd name="connsiteY2" fmla="*/ 167164 h 709136"/>
                <a:gd name="connsiteX3" fmla="*/ 318571 w 318571"/>
                <a:gd name="connsiteY3" fmla="*/ 281654 h 709136"/>
                <a:gd name="connsiteX4" fmla="*/ 234751 w 318571"/>
                <a:gd name="connsiteY4" fmla="*/ 452723 h 709136"/>
                <a:gd name="connsiteX5" fmla="*/ 192841 w 318571"/>
                <a:gd name="connsiteY5" fmla="*/ 535305 h 709136"/>
                <a:gd name="connsiteX6" fmla="*/ 161980 w 318571"/>
                <a:gd name="connsiteY6" fmla="*/ 552545 h 709136"/>
                <a:gd name="connsiteX7" fmla="*/ 122547 w 318571"/>
                <a:gd name="connsiteY7" fmla="*/ 621602 h 709136"/>
                <a:gd name="connsiteX8" fmla="*/ 46061 w 318571"/>
                <a:gd name="connsiteY8" fmla="*/ 709136 h 709136"/>
                <a:gd name="connsiteX9" fmla="*/ 10152 w 318571"/>
                <a:gd name="connsiteY9" fmla="*/ 686467 h 709136"/>
                <a:gd name="connsiteX10" fmla="*/ 55 w 318571"/>
                <a:gd name="connsiteY10" fmla="*/ 666655 h 709136"/>
                <a:gd name="connsiteX11" fmla="*/ 14057 w 318571"/>
                <a:gd name="connsiteY11" fmla="*/ 442817 h 709136"/>
                <a:gd name="connsiteX12" fmla="*/ 19772 w 318571"/>
                <a:gd name="connsiteY12" fmla="*/ 265843 h 709136"/>
                <a:gd name="connsiteX13" fmla="*/ 25582 w 318571"/>
                <a:gd name="connsiteY13" fmla="*/ 241268 h 709136"/>
                <a:gd name="connsiteX14" fmla="*/ 137120 w 318571"/>
                <a:gd name="connsiteY14" fmla="*/ 1429 h 70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18571" h="709136">
                  <a:moveTo>
                    <a:pt x="137120" y="1429"/>
                  </a:moveTo>
                  <a:lnTo>
                    <a:pt x="157884" y="0"/>
                  </a:lnTo>
                  <a:lnTo>
                    <a:pt x="140358" y="167164"/>
                  </a:lnTo>
                  <a:lnTo>
                    <a:pt x="318571" y="281654"/>
                  </a:lnTo>
                  <a:lnTo>
                    <a:pt x="234751" y="452723"/>
                  </a:lnTo>
                  <a:lnTo>
                    <a:pt x="192841" y="535305"/>
                  </a:lnTo>
                  <a:lnTo>
                    <a:pt x="161980" y="552545"/>
                  </a:lnTo>
                  <a:lnTo>
                    <a:pt x="122547" y="621602"/>
                  </a:lnTo>
                  <a:lnTo>
                    <a:pt x="46061" y="709136"/>
                  </a:lnTo>
                  <a:lnTo>
                    <a:pt x="10152" y="686467"/>
                  </a:lnTo>
                  <a:cubicBezTo>
                    <a:pt x="3389" y="682181"/>
                    <a:pt x="-516" y="674560"/>
                    <a:pt x="55" y="666655"/>
                  </a:cubicBezTo>
                  <a:lnTo>
                    <a:pt x="14057" y="442817"/>
                  </a:lnTo>
                  <a:lnTo>
                    <a:pt x="19772" y="265843"/>
                  </a:lnTo>
                  <a:cubicBezTo>
                    <a:pt x="20058" y="257366"/>
                    <a:pt x="22058" y="248984"/>
                    <a:pt x="25582" y="241268"/>
                  </a:cubicBezTo>
                  <a:lnTo>
                    <a:pt x="137120" y="1429"/>
                  </a:lnTo>
                  <a:close/>
                </a:path>
              </a:pathLst>
            </a:custGeom>
            <a:solidFill>
              <a:srgbClr val="FFE50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6" name="Freeform: Shape 95">
              <a:extLst>
                <a:ext uri="{FF2B5EF4-FFF2-40B4-BE49-F238E27FC236}">
                  <a16:creationId xmlns:a16="http://schemas.microsoft.com/office/drawing/2014/main" id="{3BE9F5BB-BD1C-4AB0-A9D0-69427608EA72}"/>
                </a:ext>
              </a:extLst>
            </p:cNvPr>
            <p:cNvSpPr/>
            <p:nvPr/>
          </p:nvSpPr>
          <p:spPr>
            <a:xfrm>
              <a:off x="-1884658" y="3718421"/>
              <a:ext cx="157478" cy="349665"/>
            </a:xfrm>
            <a:custGeom>
              <a:avLst/>
              <a:gdLst>
                <a:gd name="connsiteX0" fmla="*/ 137922 w 319373"/>
                <a:gd name="connsiteY0" fmla="*/ 1429 h 709136"/>
                <a:gd name="connsiteX1" fmla="*/ 158687 w 319373"/>
                <a:gd name="connsiteY1" fmla="*/ 0 h 709136"/>
                <a:gd name="connsiteX2" fmla="*/ 141161 w 319373"/>
                <a:gd name="connsiteY2" fmla="*/ 167164 h 709136"/>
                <a:gd name="connsiteX3" fmla="*/ 319373 w 319373"/>
                <a:gd name="connsiteY3" fmla="*/ 281654 h 709136"/>
                <a:gd name="connsiteX4" fmla="*/ 235553 w 319373"/>
                <a:gd name="connsiteY4" fmla="*/ 452723 h 709136"/>
                <a:gd name="connsiteX5" fmla="*/ 193643 w 319373"/>
                <a:gd name="connsiteY5" fmla="*/ 535305 h 709136"/>
                <a:gd name="connsiteX6" fmla="*/ 162782 w 319373"/>
                <a:gd name="connsiteY6" fmla="*/ 552545 h 709136"/>
                <a:gd name="connsiteX7" fmla="*/ 123349 w 319373"/>
                <a:gd name="connsiteY7" fmla="*/ 621602 h 709136"/>
                <a:gd name="connsiteX8" fmla="*/ 46863 w 319373"/>
                <a:gd name="connsiteY8" fmla="*/ 709136 h 709136"/>
                <a:gd name="connsiteX9" fmla="*/ 0 w 319373"/>
                <a:gd name="connsiteY9" fmla="*/ 679514 h 709136"/>
                <a:gd name="connsiteX10" fmla="*/ 14764 w 319373"/>
                <a:gd name="connsiteY10" fmla="*/ 442817 h 709136"/>
                <a:gd name="connsiteX11" fmla="*/ 20574 w 319373"/>
                <a:gd name="connsiteY11" fmla="*/ 264700 h 709136"/>
                <a:gd name="connsiteX12" fmla="*/ 25908 w 319373"/>
                <a:gd name="connsiteY12" fmla="*/ 242316 h 709136"/>
                <a:gd name="connsiteX13" fmla="*/ 137922 w 319373"/>
                <a:gd name="connsiteY13" fmla="*/ 1429 h 7091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319373" h="709136">
                  <a:moveTo>
                    <a:pt x="137922" y="1429"/>
                  </a:moveTo>
                  <a:lnTo>
                    <a:pt x="158687" y="0"/>
                  </a:lnTo>
                  <a:lnTo>
                    <a:pt x="141161" y="167164"/>
                  </a:lnTo>
                  <a:lnTo>
                    <a:pt x="319373" y="281654"/>
                  </a:lnTo>
                  <a:lnTo>
                    <a:pt x="235553" y="452723"/>
                  </a:lnTo>
                  <a:lnTo>
                    <a:pt x="193643" y="535305"/>
                  </a:lnTo>
                  <a:lnTo>
                    <a:pt x="162782" y="552545"/>
                  </a:lnTo>
                  <a:lnTo>
                    <a:pt x="123349" y="621602"/>
                  </a:lnTo>
                  <a:lnTo>
                    <a:pt x="46863" y="709136"/>
                  </a:lnTo>
                  <a:lnTo>
                    <a:pt x="0" y="679514"/>
                  </a:lnTo>
                  <a:lnTo>
                    <a:pt x="14764" y="442817"/>
                  </a:lnTo>
                  <a:lnTo>
                    <a:pt x="20574" y="264700"/>
                  </a:lnTo>
                  <a:cubicBezTo>
                    <a:pt x="20860" y="256985"/>
                    <a:pt x="22670" y="249364"/>
                    <a:pt x="25908" y="242316"/>
                  </a:cubicBezTo>
                  <a:lnTo>
                    <a:pt x="137922" y="1429"/>
                  </a:lnTo>
                  <a:close/>
                </a:path>
              </a:pathLst>
            </a:custGeom>
            <a:solidFill>
              <a:srgbClr val="E4E7EB"/>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7" name="Freeform: Shape 96">
              <a:extLst>
                <a:ext uri="{FF2B5EF4-FFF2-40B4-BE49-F238E27FC236}">
                  <a16:creationId xmlns:a16="http://schemas.microsoft.com/office/drawing/2014/main" id="{D795CC05-1D25-4663-A18F-FF61816709C7}"/>
                </a:ext>
              </a:extLst>
            </p:cNvPr>
            <p:cNvSpPr/>
            <p:nvPr/>
          </p:nvSpPr>
          <p:spPr>
            <a:xfrm>
              <a:off x="-1822221" y="3787434"/>
              <a:ext cx="31852" cy="52116"/>
            </a:xfrm>
            <a:custGeom>
              <a:avLst/>
              <a:gdLst>
                <a:gd name="connsiteX0" fmla="*/ 0 w 64596"/>
                <a:gd name="connsiteY0" fmla="*/ 10060 h 105691"/>
                <a:gd name="connsiteX1" fmla="*/ 7715 w 64596"/>
                <a:gd name="connsiteY1" fmla="*/ 23395 h 105691"/>
                <a:gd name="connsiteX2" fmla="*/ 18955 w 64596"/>
                <a:gd name="connsiteY2" fmla="*/ 13584 h 105691"/>
                <a:gd name="connsiteX3" fmla="*/ 29432 w 64596"/>
                <a:gd name="connsiteY3" fmla="*/ 13680 h 105691"/>
                <a:gd name="connsiteX4" fmla="*/ 48863 w 64596"/>
                <a:gd name="connsiteY4" fmla="*/ 31301 h 105691"/>
                <a:gd name="connsiteX5" fmla="*/ 51149 w 64596"/>
                <a:gd name="connsiteY5" fmla="*/ 39397 h 105691"/>
                <a:gd name="connsiteX6" fmla="*/ 38005 w 64596"/>
                <a:gd name="connsiteY6" fmla="*/ 83212 h 105691"/>
                <a:gd name="connsiteX7" fmla="*/ 48577 w 64596"/>
                <a:gd name="connsiteY7" fmla="*/ 105691 h 105691"/>
                <a:gd name="connsiteX8" fmla="*/ 64198 w 64596"/>
                <a:gd name="connsiteY8" fmla="*/ 41397 h 105691"/>
                <a:gd name="connsiteX9" fmla="*/ 59912 w 64596"/>
                <a:gd name="connsiteY9" fmla="*/ 27777 h 105691"/>
                <a:gd name="connsiteX10" fmla="*/ 31242 w 64596"/>
                <a:gd name="connsiteY10" fmla="*/ 2631 h 105691"/>
                <a:gd name="connsiteX11" fmla="*/ 19907 w 64596"/>
                <a:gd name="connsiteY11" fmla="*/ 1011 h 105691"/>
                <a:gd name="connsiteX12" fmla="*/ 0 w 64596"/>
                <a:gd name="connsiteY12" fmla="*/ 10060 h 1056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4596" h="105691">
                  <a:moveTo>
                    <a:pt x="0" y="10060"/>
                  </a:moveTo>
                  <a:lnTo>
                    <a:pt x="7715" y="23395"/>
                  </a:lnTo>
                  <a:lnTo>
                    <a:pt x="18955" y="13584"/>
                  </a:lnTo>
                  <a:cubicBezTo>
                    <a:pt x="21907" y="10917"/>
                    <a:pt x="26479" y="11013"/>
                    <a:pt x="29432" y="13680"/>
                  </a:cubicBezTo>
                  <a:lnTo>
                    <a:pt x="48863" y="31301"/>
                  </a:lnTo>
                  <a:cubicBezTo>
                    <a:pt x="51149" y="33301"/>
                    <a:pt x="52006" y="36444"/>
                    <a:pt x="51149" y="39397"/>
                  </a:cubicBezTo>
                  <a:lnTo>
                    <a:pt x="38005" y="83212"/>
                  </a:lnTo>
                  <a:lnTo>
                    <a:pt x="48577" y="105691"/>
                  </a:lnTo>
                  <a:lnTo>
                    <a:pt x="64198" y="41397"/>
                  </a:lnTo>
                  <a:cubicBezTo>
                    <a:pt x="65437" y="36349"/>
                    <a:pt x="63722" y="31110"/>
                    <a:pt x="59912" y="27777"/>
                  </a:cubicBezTo>
                  <a:lnTo>
                    <a:pt x="31242" y="2631"/>
                  </a:lnTo>
                  <a:cubicBezTo>
                    <a:pt x="28099" y="-132"/>
                    <a:pt x="23717" y="-798"/>
                    <a:pt x="19907" y="1011"/>
                  </a:cubicBezTo>
                  <a:lnTo>
                    <a:pt x="0" y="10060"/>
                  </a:lnTo>
                  <a:close/>
                </a:path>
              </a:pathLst>
            </a:custGeom>
            <a:solidFill>
              <a:srgbClr val="BDBCB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8" name="Freeform: Shape 97">
              <a:extLst>
                <a:ext uri="{FF2B5EF4-FFF2-40B4-BE49-F238E27FC236}">
                  <a16:creationId xmlns:a16="http://schemas.microsoft.com/office/drawing/2014/main" id="{BBA5859D-9572-4E94-9B96-6EADE9FFE334}"/>
                </a:ext>
              </a:extLst>
            </p:cNvPr>
            <p:cNvSpPr/>
            <p:nvPr/>
          </p:nvSpPr>
          <p:spPr>
            <a:xfrm>
              <a:off x="-2004563" y="4043335"/>
              <a:ext cx="212008" cy="504614"/>
            </a:xfrm>
            <a:custGeom>
              <a:avLst/>
              <a:gdLst>
                <a:gd name="connsiteX0" fmla="*/ 290132 w 429958"/>
                <a:gd name="connsiteY0" fmla="*/ 50292 h 1023379"/>
                <a:gd name="connsiteX1" fmla="*/ 148114 w 429958"/>
                <a:gd name="connsiteY1" fmla="*/ 492728 h 1023379"/>
                <a:gd name="connsiteX2" fmla="*/ 125635 w 429958"/>
                <a:gd name="connsiteY2" fmla="*/ 538925 h 1023379"/>
                <a:gd name="connsiteX3" fmla="*/ 121634 w 429958"/>
                <a:gd name="connsiteY3" fmla="*/ 544735 h 1023379"/>
                <a:gd name="connsiteX4" fmla="*/ 113062 w 429958"/>
                <a:gd name="connsiteY4" fmla="*/ 564356 h 1023379"/>
                <a:gd name="connsiteX5" fmla="*/ 100108 w 429958"/>
                <a:gd name="connsiteY5" fmla="*/ 620268 h 1023379"/>
                <a:gd name="connsiteX6" fmla="*/ 99060 w 429958"/>
                <a:gd name="connsiteY6" fmla="*/ 641223 h 1023379"/>
                <a:gd name="connsiteX7" fmla="*/ 99060 w 429958"/>
                <a:gd name="connsiteY7" fmla="*/ 641223 h 1023379"/>
                <a:gd name="connsiteX8" fmla="*/ 91059 w 429958"/>
                <a:gd name="connsiteY8" fmla="*/ 722567 h 1023379"/>
                <a:gd name="connsiteX9" fmla="*/ 29147 w 429958"/>
                <a:gd name="connsiteY9" fmla="*/ 905828 h 1023379"/>
                <a:gd name="connsiteX10" fmla="*/ 0 w 429958"/>
                <a:gd name="connsiteY10" fmla="*/ 982123 h 1023379"/>
                <a:gd name="connsiteX11" fmla="*/ 31718 w 429958"/>
                <a:gd name="connsiteY11" fmla="*/ 987266 h 1023379"/>
                <a:gd name="connsiteX12" fmla="*/ 85058 w 429958"/>
                <a:gd name="connsiteY12" fmla="*/ 1004221 h 1023379"/>
                <a:gd name="connsiteX13" fmla="*/ 116491 w 429958"/>
                <a:gd name="connsiteY13" fmla="*/ 1019556 h 1023379"/>
                <a:gd name="connsiteX14" fmla="*/ 118205 w 429958"/>
                <a:gd name="connsiteY14" fmla="*/ 1020413 h 1023379"/>
                <a:gd name="connsiteX15" fmla="*/ 156972 w 429958"/>
                <a:gd name="connsiteY15" fmla="*/ 1002697 h 1023379"/>
                <a:gd name="connsiteX16" fmla="*/ 164687 w 429958"/>
                <a:gd name="connsiteY16" fmla="*/ 971836 h 1023379"/>
                <a:gd name="connsiteX17" fmla="*/ 192119 w 429958"/>
                <a:gd name="connsiteY17" fmla="*/ 898779 h 1023379"/>
                <a:gd name="connsiteX18" fmla="*/ 277368 w 429958"/>
                <a:gd name="connsiteY18" fmla="*/ 732377 h 1023379"/>
                <a:gd name="connsiteX19" fmla="*/ 332899 w 429958"/>
                <a:gd name="connsiteY19" fmla="*/ 581216 h 1023379"/>
                <a:gd name="connsiteX20" fmla="*/ 429959 w 429958"/>
                <a:gd name="connsiteY20" fmla="*/ 396716 h 1023379"/>
                <a:gd name="connsiteX21" fmla="*/ 335661 w 429958"/>
                <a:gd name="connsiteY21" fmla="*/ 0 h 1023379"/>
                <a:gd name="connsiteX22" fmla="*/ 290132 w 429958"/>
                <a:gd name="connsiteY22" fmla="*/ 50292 h 10233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429958" h="1023379">
                  <a:moveTo>
                    <a:pt x="290132" y="50292"/>
                  </a:moveTo>
                  <a:lnTo>
                    <a:pt x="148114" y="492728"/>
                  </a:lnTo>
                  <a:cubicBezTo>
                    <a:pt x="142875" y="509111"/>
                    <a:pt x="135255" y="524637"/>
                    <a:pt x="125635" y="538925"/>
                  </a:cubicBezTo>
                  <a:lnTo>
                    <a:pt x="121634" y="544735"/>
                  </a:lnTo>
                  <a:cubicBezTo>
                    <a:pt x="117634" y="550736"/>
                    <a:pt x="114681" y="557403"/>
                    <a:pt x="113062" y="564356"/>
                  </a:cubicBezTo>
                  <a:lnTo>
                    <a:pt x="100108" y="620268"/>
                  </a:lnTo>
                  <a:cubicBezTo>
                    <a:pt x="98489" y="627126"/>
                    <a:pt x="98203" y="634175"/>
                    <a:pt x="99060" y="641223"/>
                  </a:cubicBezTo>
                  <a:lnTo>
                    <a:pt x="99060" y="641223"/>
                  </a:lnTo>
                  <a:cubicBezTo>
                    <a:pt x="102679" y="668560"/>
                    <a:pt x="99917" y="696468"/>
                    <a:pt x="91059" y="722567"/>
                  </a:cubicBezTo>
                  <a:lnTo>
                    <a:pt x="29147" y="905828"/>
                  </a:lnTo>
                  <a:lnTo>
                    <a:pt x="0" y="982123"/>
                  </a:lnTo>
                  <a:lnTo>
                    <a:pt x="31718" y="987266"/>
                  </a:lnTo>
                  <a:cubicBezTo>
                    <a:pt x="50197" y="990314"/>
                    <a:pt x="68199" y="996029"/>
                    <a:pt x="85058" y="1004221"/>
                  </a:cubicBezTo>
                  <a:lnTo>
                    <a:pt x="116491" y="1019556"/>
                  </a:lnTo>
                  <a:lnTo>
                    <a:pt x="118205" y="1020413"/>
                  </a:lnTo>
                  <a:cubicBezTo>
                    <a:pt x="133826" y="1028319"/>
                    <a:pt x="152686" y="1019747"/>
                    <a:pt x="156972" y="1002697"/>
                  </a:cubicBezTo>
                  <a:lnTo>
                    <a:pt x="164687" y="971836"/>
                  </a:lnTo>
                  <a:cubicBezTo>
                    <a:pt x="171069" y="946499"/>
                    <a:pt x="180213" y="922020"/>
                    <a:pt x="192119" y="898779"/>
                  </a:cubicBezTo>
                  <a:lnTo>
                    <a:pt x="277368" y="732377"/>
                  </a:lnTo>
                  <a:lnTo>
                    <a:pt x="332899" y="581216"/>
                  </a:lnTo>
                  <a:lnTo>
                    <a:pt x="429959" y="396716"/>
                  </a:lnTo>
                  <a:lnTo>
                    <a:pt x="335661" y="0"/>
                  </a:lnTo>
                  <a:lnTo>
                    <a:pt x="290132" y="50292"/>
                  </a:ln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99" name="Freeform: Shape 98">
              <a:extLst>
                <a:ext uri="{FF2B5EF4-FFF2-40B4-BE49-F238E27FC236}">
                  <a16:creationId xmlns:a16="http://schemas.microsoft.com/office/drawing/2014/main" id="{AF4469E4-207B-4BE3-B087-46B7D9253F42}"/>
                </a:ext>
              </a:extLst>
            </p:cNvPr>
            <p:cNvSpPr/>
            <p:nvPr/>
          </p:nvSpPr>
          <p:spPr>
            <a:xfrm>
              <a:off x="-1898944" y="4083070"/>
              <a:ext cx="106434" cy="379021"/>
            </a:xfrm>
            <a:custGeom>
              <a:avLst/>
              <a:gdLst>
                <a:gd name="connsiteX0" fmla="*/ 118794 w 215853"/>
                <a:gd name="connsiteY0" fmla="*/ 500729 h 768667"/>
                <a:gd name="connsiteX1" fmla="*/ 215854 w 215853"/>
                <a:gd name="connsiteY1" fmla="*/ 316230 h 768667"/>
                <a:gd name="connsiteX2" fmla="*/ 188231 w 215853"/>
                <a:gd name="connsiteY2" fmla="*/ 199930 h 768667"/>
                <a:gd name="connsiteX3" fmla="*/ 96601 w 215853"/>
                <a:gd name="connsiteY3" fmla="*/ 0 h 768667"/>
                <a:gd name="connsiteX4" fmla="*/ 10590 w 215853"/>
                <a:gd name="connsiteY4" fmla="*/ 280035 h 768667"/>
                <a:gd name="connsiteX5" fmla="*/ 37165 w 215853"/>
                <a:gd name="connsiteY5" fmla="*/ 312230 h 768667"/>
                <a:gd name="connsiteX6" fmla="*/ 37165 w 215853"/>
                <a:gd name="connsiteY6" fmla="*/ 312230 h 768667"/>
                <a:gd name="connsiteX7" fmla="*/ 63263 w 215853"/>
                <a:gd name="connsiteY7" fmla="*/ 345662 h 768667"/>
                <a:gd name="connsiteX8" fmla="*/ 9542 w 215853"/>
                <a:gd name="connsiteY8" fmla="*/ 491585 h 768667"/>
                <a:gd name="connsiteX9" fmla="*/ 17 w 215853"/>
                <a:gd name="connsiteY9" fmla="*/ 547688 h 768667"/>
                <a:gd name="connsiteX10" fmla="*/ 3542 w 215853"/>
                <a:gd name="connsiteY10" fmla="*/ 768668 h 768667"/>
                <a:gd name="connsiteX11" fmla="*/ 63359 w 215853"/>
                <a:gd name="connsiteY11" fmla="*/ 651891 h 768667"/>
                <a:gd name="connsiteX12" fmla="*/ 118794 w 215853"/>
                <a:gd name="connsiteY12" fmla="*/ 500729 h 7686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5853" h="768667">
                  <a:moveTo>
                    <a:pt x="118794" y="500729"/>
                  </a:moveTo>
                  <a:lnTo>
                    <a:pt x="215854" y="316230"/>
                  </a:lnTo>
                  <a:lnTo>
                    <a:pt x="188231" y="199930"/>
                  </a:lnTo>
                  <a:lnTo>
                    <a:pt x="96601" y="0"/>
                  </a:lnTo>
                  <a:lnTo>
                    <a:pt x="10590" y="280035"/>
                  </a:lnTo>
                  <a:cubicBezTo>
                    <a:pt x="5351" y="297180"/>
                    <a:pt x="19258" y="314134"/>
                    <a:pt x="37165" y="312230"/>
                  </a:cubicBezTo>
                  <a:lnTo>
                    <a:pt x="37165" y="312230"/>
                  </a:lnTo>
                  <a:cubicBezTo>
                    <a:pt x="55548" y="310229"/>
                    <a:pt x="69645" y="328327"/>
                    <a:pt x="63263" y="345662"/>
                  </a:cubicBezTo>
                  <a:lnTo>
                    <a:pt x="9542" y="491585"/>
                  </a:lnTo>
                  <a:cubicBezTo>
                    <a:pt x="2970" y="509588"/>
                    <a:pt x="-268" y="528542"/>
                    <a:pt x="17" y="547688"/>
                  </a:cubicBezTo>
                  <a:lnTo>
                    <a:pt x="3542" y="768668"/>
                  </a:lnTo>
                  <a:lnTo>
                    <a:pt x="63359" y="651891"/>
                  </a:lnTo>
                  <a:lnTo>
                    <a:pt x="118794" y="500729"/>
                  </a:ln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0" name="Freeform: Shape 99">
              <a:extLst>
                <a:ext uri="{FF2B5EF4-FFF2-40B4-BE49-F238E27FC236}">
                  <a16:creationId xmlns:a16="http://schemas.microsoft.com/office/drawing/2014/main" id="{B912922B-44C3-4839-BD42-011BEFE3CD85}"/>
                </a:ext>
              </a:extLst>
            </p:cNvPr>
            <p:cNvSpPr/>
            <p:nvPr/>
          </p:nvSpPr>
          <p:spPr>
            <a:xfrm>
              <a:off x="-1861410" y="4024973"/>
              <a:ext cx="247185" cy="516915"/>
            </a:xfrm>
            <a:custGeom>
              <a:avLst/>
              <a:gdLst>
                <a:gd name="connsiteX0" fmla="*/ 76295 w 501300"/>
                <a:gd name="connsiteY0" fmla="*/ 0 h 1048321"/>
                <a:gd name="connsiteX1" fmla="*/ 162877 w 501300"/>
                <a:gd name="connsiteY1" fmla="*/ 140684 h 1048321"/>
                <a:gd name="connsiteX2" fmla="*/ 195644 w 501300"/>
                <a:gd name="connsiteY2" fmla="*/ 170212 h 1048321"/>
                <a:gd name="connsiteX3" fmla="*/ 324040 w 501300"/>
                <a:gd name="connsiteY3" fmla="*/ 231839 h 1048321"/>
                <a:gd name="connsiteX4" fmla="*/ 310229 w 501300"/>
                <a:gd name="connsiteY4" fmla="*/ 274891 h 1048321"/>
                <a:gd name="connsiteX5" fmla="*/ 306419 w 501300"/>
                <a:gd name="connsiteY5" fmla="*/ 282607 h 1048321"/>
                <a:gd name="connsiteX6" fmla="*/ 299657 w 501300"/>
                <a:gd name="connsiteY6" fmla="*/ 292513 h 1048321"/>
                <a:gd name="connsiteX7" fmla="*/ 296418 w 501300"/>
                <a:gd name="connsiteY7" fmla="*/ 304800 h 1048321"/>
                <a:gd name="connsiteX8" fmla="*/ 296799 w 501300"/>
                <a:gd name="connsiteY8" fmla="*/ 309562 h 1048321"/>
                <a:gd name="connsiteX9" fmla="*/ 300228 w 501300"/>
                <a:gd name="connsiteY9" fmla="*/ 318992 h 1048321"/>
                <a:gd name="connsiteX10" fmla="*/ 307086 w 501300"/>
                <a:gd name="connsiteY10" fmla="*/ 328612 h 1048321"/>
                <a:gd name="connsiteX11" fmla="*/ 311372 w 501300"/>
                <a:gd name="connsiteY11" fmla="*/ 340043 h 1048321"/>
                <a:gd name="connsiteX12" fmla="*/ 331089 w 501300"/>
                <a:gd name="connsiteY12" fmla="*/ 528066 h 1048321"/>
                <a:gd name="connsiteX13" fmla="*/ 335852 w 501300"/>
                <a:gd name="connsiteY13" fmla="*/ 548640 h 1048321"/>
                <a:gd name="connsiteX14" fmla="*/ 470344 w 501300"/>
                <a:gd name="connsiteY14" fmla="*/ 917353 h 1048321"/>
                <a:gd name="connsiteX15" fmla="*/ 501301 w 501300"/>
                <a:gd name="connsiteY15" fmla="*/ 967359 h 1048321"/>
                <a:gd name="connsiteX16" fmla="*/ 479869 w 501300"/>
                <a:gd name="connsiteY16" fmla="*/ 1014984 h 1048321"/>
                <a:gd name="connsiteX17" fmla="*/ 382238 w 501300"/>
                <a:gd name="connsiteY17" fmla="*/ 1048322 h 1048321"/>
                <a:gd name="connsiteX18" fmla="*/ 358426 w 501300"/>
                <a:gd name="connsiteY18" fmla="*/ 1036415 h 1048321"/>
                <a:gd name="connsiteX19" fmla="*/ 334613 w 501300"/>
                <a:gd name="connsiteY19" fmla="*/ 976884 h 1048321"/>
                <a:gd name="connsiteX20" fmla="*/ 253651 w 501300"/>
                <a:gd name="connsiteY20" fmla="*/ 869728 h 1048321"/>
                <a:gd name="connsiteX21" fmla="*/ 203644 w 501300"/>
                <a:gd name="connsiteY21" fmla="*/ 762572 h 1048321"/>
                <a:gd name="connsiteX22" fmla="*/ 170307 w 501300"/>
                <a:gd name="connsiteY22" fmla="*/ 731615 h 1048321"/>
                <a:gd name="connsiteX23" fmla="*/ 25051 w 501300"/>
                <a:gd name="connsiteY23" fmla="*/ 174212 h 1048321"/>
                <a:gd name="connsiteX24" fmla="*/ 0 w 501300"/>
                <a:gd name="connsiteY24" fmla="*/ 87630 h 1048321"/>
                <a:gd name="connsiteX25" fmla="*/ 76295 w 501300"/>
                <a:gd name="connsiteY25" fmla="*/ 0 h 10483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501300" h="1048321">
                  <a:moveTo>
                    <a:pt x="76295" y="0"/>
                  </a:moveTo>
                  <a:lnTo>
                    <a:pt x="162877" y="140684"/>
                  </a:lnTo>
                  <a:cubicBezTo>
                    <a:pt x="170783" y="153448"/>
                    <a:pt x="182118" y="163735"/>
                    <a:pt x="195644" y="170212"/>
                  </a:cubicBezTo>
                  <a:lnTo>
                    <a:pt x="324040" y="231839"/>
                  </a:lnTo>
                  <a:lnTo>
                    <a:pt x="310229" y="274891"/>
                  </a:lnTo>
                  <a:cubicBezTo>
                    <a:pt x="309372" y="277654"/>
                    <a:pt x="308039" y="280226"/>
                    <a:pt x="306419" y="282607"/>
                  </a:cubicBezTo>
                  <a:lnTo>
                    <a:pt x="299657" y="292513"/>
                  </a:lnTo>
                  <a:cubicBezTo>
                    <a:pt x="297180" y="296132"/>
                    <a:pt x="296037" y="300419"/>
                    <a:pt x="296418" y="304800"/>
                  </a:cubicBezTo>
                  <a:lnTo>
                    <a:pt x="296799" y="309562"/>
                  </a:lnTo>
                  <a:cubicBezTo>
                    <a:pt x="297085" y="312991"/>
                    <a:pt x="298228" y="316230"/>
                    <a:pt x="300228" y="318992"/>
                  </a:cubicBezTo>
                  <a:lnTo>
                    <a:pt x="307086" y="328612"/>
                  </a:lnTo>
                  <a:cubicBezTo>
                    <a:pt x="309467" y="331946"/>
                    <a:pt x="310991" y="335852"/>
                    <a:pt x="311372" y="340043"/>
                  </a:cubicBezTo>
                  <a:lnTo>
                    <a:pt x="331089" y="528066"/>
                  </a:lnTo>
                  <a:cubicBezTo>
                    <a:pt x="331851" y="535115"/>
                    <a:pt x="333470" y="542068"/>
                    <a:pt x="335852" y="548640"/>
                  </a:cubicBezTo>
                  <a:lnTo>
                    <a:pt x="470344" y="917353"/>
                  </a:lnTo>
                  <a:lnTo>
                    <a:pt x="501301" y="967359"/>
                  </a:lnTo>
                  <a:lnTo>
                    <a:pt x="479869" y="1014984"/>
                  </a:lnTo>
                  <a:lnTo>
                    <a:pt x="382238" y="1048322"/>
                  </a:lnTo>
                  <a:lnTo>
                    <a:pt x="358426" y="1036415"/>
                  </a:lnTo>
                  <a:lnTo>
                    <a:pt x="334613" y="976884"/>
                  </a:lnTo>
                  <a:lnTo>
                    <a:pt x="253651" y="869728"/>
                  </a:lnTo>
                  <a:lnTo>
                    <a:pt x="203644" y="762572"/>
                  </a:lnTo>
                  <a:lnTo>
                    <a:pt x="170307" y="731615"/>
                  </a:lnTo>
                  <a:lnTo>
                    <a:pt x="25051" y="174212"/>
                  </a:lnTo>
                  <a:lnTo>
                    <a:pt x="0" y="87630"/>
                  </a:lnTo>
                  <a:lnTo>
                    <a:pt x="76295" y="0"/>
                  </a:ln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1" name="Freeform: Shape 100">
              <a:extLst>
                <a:ext uri="{FF2B5EF4-FFF2-40B4-BE49-F238E27FC236}">
                  <a16:creationId xmlns:a16="http://schemas.microsoft.com/office/drawing/2014/main" id="{6464C407-EA9C-431D-A493-7C39CBBEB3EC}"/>
                </a:ext>
              </a:extLst>
            </p:cNvPr>
            <p:cNvSpPr/>
            <p:nvPr/>
          </p:nvSpPr>
          <p:spPr>
            <a:xfrm>
              <a:off x="-1760165" y="4593432"/>
              <a:ext cx="186944" cy="86817"/>
            </a:xfrm>
            <a:custGeom>
              <a:avLst/>
              <a:gdLst>
                <a:gd name="connsiteX0" fmla="*/ 342934 w 379131"/>
                <a:gd name="connsiteY0" fmla="*/ 1952 h 176069"/>
                <a:gd name="connsiteX1" fmla="*/ 342934 w 379131"/>
                <a:gd name="connsiteY1" fmla="*/ 1952 h 176069"/>
                <a:gd name="connsiteX2" fmla="*/ 353888 w 379131"/>
                <a:gd name="connsiteY2" fmla="*/ 13858 h 176069"/>
                <a:gd name="connsiteX3" fmla="*/ 369318 w 379131"/>
                <a:gd name="connsiteY3" fmla="*/ 55196 h 176069"/>
                <a:gd name="connsiteX4" fmla="*/ 370175 w 379131"/>
                <a:gd name="connsiteY4" fmla="*/ 58149 h 176069"/>
                <a:gd name="connsiteX5" fmla="*/ 378653 w 379131"/>
                <a:gd name="connsiteY5" fmla="*/ 97011 h 176069"/>
                <a:gd name="connsiteX6" fmla="*/ 364461 w 379131"/>
                <a:gd name="connsiteY6" fmla="*/ 121776 h 176069"/>
                <a:gd name="connsiteX7" fmla="*/ 207869 w 379131"/>
                <a:gd name="connsiteY7" fmla="*/ 173211 h 176069"/>
                <a:gd name="connsiteX8" fmla="*/ 201392 w 379131"/>
                <a:gd name="connsiteY8" fmla="*/ 174259 h 176069"/>
                <a:gd name="connsiteX9" fmla="*/ 21846 w 379131"/>
                <a:gd name="connsiteY9" fmla="*/ 176069 h 176069"/>
                <a:gd name="connsiteX10" fmla="*/ 320 w 379131"/>
                <a:gd name="connsiteY10" fmla="*/ 156066 h 176069"/>
                <a:gd name="connsiteX11" fmla="*/ 34 w 379131"/>
                <a:gd name="connsiteY11" fmla="*/ 150827 h 176069"/>
                <a:gd name="connsiteX12" fmla="*/ 4320 w 379131"/>
                <a:gd name="connsiteY12" fmla="*/ 136635 h 176069"/>
                <a:gd name="connsiteX13" fmla="*/ 11178 w 379131"/>
                <a:gd name="connsiteY13" fmla="*/ 127586 h 176069"/>
                <a:gd name="connsiteX14" fmla="*/ 25466 w 379131"/>
                <a:gd name="connsiteY14" fmla="*/ 119300 h 176069"/>
                <a:gd name="connsiteX15" fmla="*/ 79473 w 379131"/>
                <a:gd name="connsiteY15" fmla="*/ 112346 h 176069"/>
                <a:gd name="connsiteX16" fmla="*/ 89760 w 379131"/>
                <a:gd name="connsiteY16" fmla="*/ 108060 h 176069"/>
                <a:gd name="connsiteX17" fmla="*/ 155863 w 379131"/>
                <a:gd name="connsiteY17" fmla="*/ 57197 h 176069"/>
                <a:gd name="connsiteX18" fmla="*/ 184629 w 379131"/>
                <a:gd name="connsiteY18" fmla="*/ 36813 h 176069"/>
                <a:gd name="connsiteX19" fmla="*/ 190725 w 379131"/>
                <a:gd name="connsiteY19" fmla="*/ 30146 h 176069"/>
                <a:gd name="connsiteX20" fmla="*/ 195773 w 379131"/>
                <a:gd name="connsiteY20" fmla="*/ 21383 h 176069"/>
                <a:gd name="connsiteX21" fmla="*/ 218061 w 379131"/>
                <a:gd name="connsiteY21" fmla="*/ 11096 h 176069"/>
                <a:gd name="connsiteX22" fmla="*/ 282831 w 379131"/>
                <a:gd name="connsiteY22" fmla="*/ 23097 h 176069"/>
                <a:gd name="connsiteX23" fmla="*/ 298833 w 379131"/>
                <a:gd name="connsiteY23" fmla="*/ 19668 h 176069"/>
                <a:gd name="connsiteX24" fmla="*/ 321598 w 379131"/>
                <a:gd name="connsiteY24" fmla="*/ 3857 h 176069"/>
                <a:gd name="connsiteX25" fmla="*/ 342934 w 379131"/>
                <a:gd name="connsiteY25" fmla="*/ 1952 h 1760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379131" h="176069">
                  <a:moveTo>
                    <a:pt x="342934" y="1952"/>
                  </a:moveTo>
                  <a:lnTo>
                    <a:pt x="342934" y="1952"/>
                  </a:lnTo>
                  <a:cubicBezTo>
                    <a:pt x="347982" y="4333"/>
                    <a:pt x="351983" y="8619"/>
                    <a:pt x="353888" y="13858"/>
                  </a:cubicBezTo>
                  <a:lnTo>
                    <a:pt x="369318" y="55196"/>
                  </a:lnTo>
                  <a:cubicBezTo>
                    <a:pt x="369699" y="56149"/>
                    <a:pt x="369985" y="57101"/>
                    <a:pt x="370175" y="58149"/>
                  </a:cubicBezTo>
                  <a:lnTo>
                    <a:pt x="378653" y="97011"/>
                  </a:lnTo>
                  <a:cubicBezTo>
                    <a:pt x="380939" y="107679"/>
                    <a:pt x="374843" y="118347"/>
                    <a:pt x="364461" y="121776"/>
                  </a:cubicBezTo>
                  <a:lnTo>
                    <a:pt x="207869" y="173211"/>
                  </a:lnTo>
                  <a:cubicBezTo>
                    <a:pt x="205774" y="173878"/>
                    <a:pt x="203583" y="174259"/>
                    <a:pt x="201392" y="174259"/>
                  </a:cubicBezTo>
                  <a:lnTo>
                    <a:pt x="21846" y="176069"/>
                  </a:lnTo>
                  <a:cubicBezTo>
                    <a:pt x="10512" y="176164"/>
                    <a:pt x="1082" y="167401"/>
                    <a:pt x="320" y="156066"/>
                  </a:cubicBezTo>
                  <a:lnTo>
                    <a:pt x="34" y="150827"/>
                  </a:lnTo>
                  <a:cubicBezTo>
                    <a:pt x="-252" y="145779"/>
                    <a:pt x="1272" y="140731"/>
                    <a:pt x="4320" y="136635"/>
                  </a:cubicBezTo>
                  <a:lnTo>
                    <a:pt x="11178" y="127586"/>
                  </a:lnTo>
                  <a:cubicBezTo>
                    <a:pt x="14607" y="123014"/>
                    <a:pt x="19751" y="120062"/>
                    <a:pt x="25466" y="119300"/>
                  </a:cubicBezTo>
                  <a:lnTo>
                    <a:pt x="79473" y="112346"/>
                  </a:lnTo>
                  <a:cubicBezTo>
                    <a:pt x="83187" y="111870"/>
                    <a:pt x="86712" y="110441"/>
                    <a:pt x="89760" y="108060"/>
                  </a:cubicBezTo>
                  <a:lnTo>
                    <a:pt x="155863" y="57197"/>
                  </a:lnTo>
                  <a:lnTo>
                    <a:pt x="184629" y="36813"/>
                  </a:lnTo>
                  <a:cubicBezTo>
                    <a:pt x="187105" y="35003"/>
                    <a:pt x="189200" y="32717"/>
                    <a:pt x="190725" y="30146"/>
                  </a:cubicBezTo>
                  <a:lnTo>
                    <a:pt x="195773" y="21383"/>
                  </a:lnTo>
                  <a:cubicBezTo>
                    <a:pt x="200250" y="13572"/>
                    <a:pt x="209203" y="9476"/>
                    <a:pt x="218061" y="11096"/>
                  </a:cubicBezTo>
                  <a:lnTo>
                    <a:pt x="282831" y="23097"/>
                  </a:lnTo>
                  <a:cubicBezTo>
                    <a:pt x="288451" y="24145"/>
                    <a:pt x="294166" y="22907"/>
                    <a:pt x="298833" y="19668"/>
                  </a:cubicBezTo>
                  <a:lnTo>
                    <a:pt x="321598" y="3857"/>
                  </a:lnTo>
                  <a:cubicBezTo>
                    <a:pt x="327980" y="-525"/>
                    <a:pt x="335981" y="-1192"/>
                    <a:pt x="342934" y="1952"/>
                  </a:cubicBezTo>
                  <a:close/>
                </a:path>
              </a:pathLst>
            </a:custGeom>
            <a:solidFill>
              <a:srgbClr val="DBDFE3"/>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2" name="Freeform: Shape 101">
              <a:extLst>
                <a:ext uri="{FF2B5EF4-FFF2-40B4-BE49-F238E27FC236}">
                  <a16:creationId xmlns:a16="http://schemas.microsoft.com/office/drawing/2014/main" id="{73EEFB22-D764-4E79-AF01-7E8A5297E1D0}"/>
                </a:ext>
              </a:extLst>
            </p:cNvPr>
            <p:cNvSpPr/>
            <p:nvPr/>
          </p:nvSpPr>
          <p:spPr>
            <a:xfrm>
              <a:off x="-2161148" y="4562989"/>
              <a:ext cx="187774" cy="104599"/>
            </a:xfrm>
            <a:custGeom>
              <a:avLst/>
              <a:gdLst>
                <a:gd name="connsiteX0" fmla="*/ 243264 w 380814"/>
                <a:gd name="connsiteY0" fmla="*/ 24353 h 212129"/>
                <a:gd name="connsiteX1" fmla="*/ 288603 w 380814"/>
                <a:gd name="connsiteY1" fmla="*/ 74074 h 212129"/>
                <a:gd name="connsiteX2" fmla="*/ 293080 w 380814"/>
                <a:gd name="connsiteY2" fmla="*/ 77312 h 212129"/>
                <a:gd name="connsiteX3" fmla="*/ 326513 w 380814"/>
                <a:gd name="connsiteY3" fmla="*/ 92838 h 212129"/>
                <a:gd name="connsiteX4" fmla="*/ 330799 w 380814"/>
                <a:gd name="connsiteY4" fmla="*/ 94076 h 212129"/>
                <a:gd name="connsiteX5" fmla="*/ 368518 w 380814"/>
                <a:gd name="connsiteY5" fmla="*/ 98458 h 212129"/>
                <a:gd name="connsiteX6" fmla="*/ 370137 w 380814"/>
                <a:gd name="connsiteY6" fmla="*/ 98744 h 212129"/>
                <a:gd name="connsiteX7" fmla="*/ 370137 w 380814"/>
                <a:gd name="connsiteY7" fmla="*/ 98744 h 212129"/>
                <a:gd name="connsiteX8" fmla="*/ 380424 w 380814"/>
                <a:gd name="connsiteY8" fmla="*/ 115412 h 212129"/>
                <a:gd name="connsiteX9" fmla="*/ 370423 w 380814"/>
                <a:gd name="connsiteY9" fmla="*/ 158656 h 212129"/>
                <a:gd name="connsiteX10" fmla="*/ 369185 w 380814"/>
                <a:gd name="connsiteY10" fmla="*/ 161990 h 212129"/>
                <a:gd name="connsiteX11" fmla="*/ 346801 w 380814"/>
                <a:gd name="connsiteY11" fmla="*/ 204662 h 212129"/>
                <a:gd name="connsiteX12" fmla="*/ 328894 w 380814"/>
                <a:gd name="connsiteY12" fmla="*/ 210948 h 212129"/>
                <a:gd name="connsiteX13" fmla="*/ 76005 w 380814"/>
                <a:gd name="connsiteY13" fmla="*/ 101411 h 212129"/>
                <a:gd name="connsiteX14" fmla="*/ 73052 w 380814"/>
                <a:gd name="connsiteY14" fmla="*/ 99696 h 212129"/>
                <a:gd name="connsiteX15" fmla="*/ 5425 w 380814"/>
                <a:gd name="connsiteY15" fmla="*/ 47690 h 212129"/>
                <a:gd name="connsiteX16" fmla="*/ 2472 w 380814"/>
                <a:gd name="connsiteY16" fmla="*/ 28735 h 212129"/>
                <a:gd name="connsiteX17" fmla="*/ 16188 w 380814"/>
                <a:gd name="connsiteY17" fmla="*/ 8923 h 212129"/>
                <a:gd name="connsiteX18" fmla="*/ 24951 w 380814"/>
                <a:gd name="connsiteY18" fmla="*/ 3208 h 212129"/>
                <a:gd name="connsiteX19" fmla="*/ 40001 w 380814"/>
                <a:gd name="connsiteY19" fmla="*/ 255 h 212129"/>
                <a:gd name="connsiteX20" fmla="*/ 47430 w 380814"/>
                <a:gd name="connsiteY20" fmla="*/ 827 h 212129"/>
                <a:gd name="connsiteX21" fmla="*/ 105247 w 380814"/>
                <a:gd name="connsiteY21" fmla="*/ 21972 h 212129"/>
                <a:gd name="connsiteX22" fmla="*/ 108676 w 380814"/>
                <a:gd name="connsiteY22" fmla="*/ 22734 h 212129"/>
                <a:gd name="connsiteX23" fmla="*/ 163064 w 380814"/>
                <a:gd name="connsiteY23" fmla="*/ 27878 h 212129"/>
                <a:gd name="connsiteX24" fmla="*/ 166207 w 380814"/>
                <a:gd name="connsiteY24" fmla="*/ 27782 h 212129"/>
                <a:gd name="connsiteX25" fmla="*/ 229929 w 380814"/>
                <a:gd name="connsiteY25" fmla="*/ 19210 h 212129"/>
                <a:gd name="connsiteX26" fmla="*/ 239740 w 380814"/>
                <a:gd name="connsiteY26" fmla="*/ 21591 h 212129"/>
                <a:gd name="connsiteX27" fmla="*/ 240788 w 380814"/>
                <a:gd name="connsiteY27" fmla="*/ 22353 h 212129"/>
                <a:gd name="connsiteX28" fmla="*/ 243264 w 380814"/>
                <a:gd name="connsiteY28" fmla="*/ 24353 h 2121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380814" h="212129">
                  <a:moveTo>
                    <a:pt x="243264" y="24353"/>
                  </a:moveTo>
                  <a:lnTo>
                    <a:pt x="288603" y="74074"/>
                  </a:lnTo>
                  <a:cubicBezTo>
                    <a:pt x="289841" y="75407"/>
                    <a:pt x="291365" y="76550"/>
                    <a:pt x="293080" y="77312"/>
                  </a:cubicBezTo>
                  <a:lnTo>
                    <a:pt x="326513" y="92838"/>
                  </a:lnTo>
                  <a:cubicBezTo>
                    <a:pt x="327846" y="93505"/>
                    <a:pt x="329275" y="93886"/>
                    <a:pt x="330799" y="94076"/>
                  </a:cubicBezTo>
                  <a:lnTo>
                    <a:pt x="368518" y="98458"/>
                  </a:lnTo>
                  <a:cubicBezTo>
                    <a:pt x="369089" y="98553"/>
                    <a:pt x="369566" y="98648"/>
                    <a:pt x="370137" y="98744"/>
                  </a:cubicBezTo>
                  <a:lnTo>
                    <a:pt x="370137" y="98744"/>
                  </a:lnTo>
                  <a:cubicBezTo>
                    <a:pt x="377567" y="100553"/>
                    <a:pt x="382234" y="107983"/>
                    <a:pt x="380424" y="115412"/>
                  </a:cubicBezTo>
                  <a:lnTo>
                    <a:pt x="370423" y="158656"/>
                  </a:lnTo>
                  <a:cubicBezTo>
                    <a:pt x="370137" y="159799"/>
                    <a:pt x="369756" y="160942"/>
                    <a:pt x="369185" y="161990"/>
                  </a:cubicBezTo>
                  <a:lnTo>
                    <a:pt x="346801" y="204662"/>
                  </a:lnTo>
                  <a:cubicBezTo>
                    <a:pt x="343372" y="211139"/>
                    <a:pt x="335657" y="213901"/>
                    <a:pt x="328894" y="210948"/>
                  </a:cubicBezTo>
                  <a:lnTo>
                    <a:pt x="76005" y="101411"/>
                  </a:lnTo>
                  <a:cubicBezTo>
                    <a:pt x="74957" y="100934"/>
                    <a:pt x="74005" y="100363"/>
                    <a:pt x="73052" y="99696"/>
                  </a:cubicBezTo>
                  <a:lnTo>
                    <a:pt x="5425" y="47690"/>
                  </a:lnTo>
                  <a:cubicBezTo>
                    <a:pt x="-481" y="43213"/>
                    <a:pt x="-1719" y="34831"/>
                    <a:pt x="2472" y="28735"/>
                  </a:cubicBezTo>
                  <a:lnTo>
                    <a:pt x="16188" y="8923"/>
                  </a:lnTo>
                  <a:cubicBezTo>
                    <a:pt x="18284" y="5970"/>
                    <a:pt x="21427" y="3875"/>
                    <a:pt x="24951" y="3208"/>
                  </a:cubicBezTo>
                  <a:lnTo>
                    <a:pt x="40001" y="255"/>
                  </a:lnTo>
                  <a:cubicBezTo>
                    <a:pt x="42477" y="-221"/>
                    <a:pt x="45049" y="-31"/>
                    <a:pt x="47430" y="827"/>
                  </a:cubicBezTo>
                  <a:lnTo>
                    <a:pt x="105247" y="21972"/>
                  </a:lnTo>
                  <a:cubicBezTo>
                    <a:pt x="106390" y="22353"/>
                    <a:pt x="107533" y="22639"/>
                    <a:pt x="108676" y="22734"/>
                  </a:cubicBezTo>
                  <a:lnTo>
                    <a:pt x="163064" y="27878"/>
                  </a:lnTo>
                  <a:cubicBezTo>
                    <a:pt x="164111" y="27973"/>
                    <a:pt x="165159" y="27973"/>
                    <a:pt x="166207" y="27782"/>
                  </a:cubicBezTo>
                  <a:lnTo>
                    <a:pt x="229929" y="19210"/>
                  </a:lnTo>
                  <a:cubicBezTo>
                    <a:pt x="233358" y="18734"/>
                    <a:pt x="236882" y="19591"/>
                    <a:pt x="239740" y="21591"/>
                  </a:cubicBezTo>
                  <a:lnTo>
                    <a:pt x="240788" y="22353"/>
                  </a:lnTo>
                  <a:cubicBezTo>
                    <a:pt x="241740" y="22925"/>
                    <a:pt x="242597" y="23591"/>
                    <a:pt x="243264" y="24353"/>
                  </a:cubicBezTo>
                  <a:close/>
                </a:path>
              </a:pathLst>
            </a:custGeom>
            <a:solidFill>
              <a:srgbClr val="DBDFE3"/>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3" name="Freeform: Shape 102">
              <a:extLst>
                <a:ext uri="{FF2B5EF4-FFF2-40B4-BE49-F238E27FC236}">
                  <a16:creationId xmlns:a16="http://schemas.microsoft.com/office/drawing/2014/main" id="{52827AAC-23E6-4AEB-8A15-F487B44A1A00}"/>
                </a:ext>
              </a:extLst>
            </p:cNvPr>
            <p:cNvSpPr/>
            <p:nvPr/>
          </p:nvSpPr>
          <p:spPr>
            <a:xfrm>
              <a:off x="-1884332" y="3546101"/>
              <a:ext cx="128783" cy="173071"/>
            </a:xfrm>
            <a:custGeom>
              <a:avLst/>
              <a:gdLst>
                <a:gd name="connsiteX0" fmla="*/ 83633 w 261179"/>
                <a:gd name="connsiteY0" fmla="*/ 0 h 350996"/>
                <a:gd name="connsiteX1" fmla="*/ 133544 w 261179"/>
                <a:gd name="connsiteY1" fmla="*/ 22479 h 350996"/>
                <a:gd name="connsiteX2" fmla="*/ 146117 w 261179"/>
                <a:gd name="connsiteY2" fmla="*/ 38767 h 350996"/>
                <a:gd name="connsiteX3" fmla="*/ 159167 w 261179"/>
                <a:gd name="connsiteY3" fmla="*/ 77533 h 350996"/>
                <a:gd name="connsiteX4" fmla="*/ 178598 w 261179"/>
                <a:gd name="connsiteY4" fmla="*/ 78200 h 350996"/>
                <a:gd name="connsiteX5" fmla="*/ 201934 w 261179"/>
                <a:gd name="connsiteY5" fmla="*/ 69818 h 350996"/>
                <a:gd name="connsiteX6" fmla="*/ 228890 w 261179"/>
                <a:gd name="connsiteY6" fmla="*/ 79915 h 350996"/>
                <a:gd name="connsiteX7" fmla="*/ 236129 w 261179"/>
                <a:gd name="connsiteY7" fmla="*/ 110395 h 350996"/>
                <a:gd name="connsiteX8" fmla="*/ 219269 w 261179"/>
                <a:gd name="connsiteY8" fmla="*/ 123063 h 350996"/>
                <a:gd name="connsiteX9" fmla="*/ 213173 w 261179"/>
                <a:gd name="connsiteY9" fmla="*/ 143923 h 350996"/>
                <a:gd name="connsiteX10" fmla="*/ 261179 w 261179"/>
                <a:gd name="connsiteY10" fmla="*/ 272701 h 350996"/>
                <a:gd name="connsiteX11" fmla="*/ 231557 w 261179"/>
                <a:gd name="connsiteY11" fmla="*/ 263557 h 350996"/>
                <a:gd name="connsiteX12" fmla="*/ 197362 w 261179"/>
                <a:gd name="connsiteY12" fmla="*/ 275558 h 350996"/>
                <a:gd name="connsiteX13" fmla="*/ 168692 w 261179"/>
                <a:gd name="connsiteY13" fmla="*/ 320897 h 350996"/>
                <a:gd name="connsiteX14" fmla="*/ 158024 w 261179"/>
                <a:gd name="connsiteY14" fmla="*/ 349568 h 350996"/>
                <a:gd name="connsiteX15" fmla="*/ 137259 w 261179"/>
                <a:gd name="connsiteY15" fmla="*/ 350996 h 350996"/>
                <a:gd name="connsiteX16" fmla="*/ 111351 w 261179"/>
                <a:gd name="connsiteY16" fmla="*/ 294513 h 350996"/>
                <a:gd name="connsiteX17" fmla="*/ 97349 w 261179"/>
                <a:gd name="connsiteY17" fmla="*/ 275177 h 350996"/>
                <a:gd name="connsiteX18" fmla="*/ 97349 w 261179"/>
                <a:gd name="connsiteY18" fmla="*/ 275177 h 350996"/>
                <a:gd name="connsiteX19" fmla="*/ 70775 w 261179"/>
                <a:gd name="connsiteY19" fmla="*/ 260604 h 350996"/>
                <a:gd name="connsiteX20" fmla="*/ 21530 w 261179"/>
                <a:gd name="connsiteY20" fmla="*/ 247840 h 350996"/>
                <a:gd name="connsiteX21" fmla="*/ 12482 w 261179"/>
                <a:gd name="connsiteY21" fmla="*/ 242126 h 350996"/>
                <a:gd name="connsiteX22" fmla="*/ 12482 w 261179"/>
                <a:gd name="connsiteY22" fmla="*/ 242126 h 350996"/>
                <a:gd name="connsiteX23" fmla="*/ 8862 w 261179"/>
                <a:gd name="connsiteY23" fmla="*/ 227838 h 350996"/>
                <a:gd name="connsiteX24" fmla="*/ 11148 w 261179"/>
                <a:gd name="connsiteY24" fmla="*/ 215932 h 350996"/>
                <a:gd name="connsiteX25" fmla="*/ 9910 w 261179"/>
                <a:gd name="connsiteY25" fmla="*/ 208121 h 350996"/>
                <a:gd name="connsiteX26" fmla="*/ 7243 w 261179"/>
                <a:gd name="connsiteY26" fmla="*/ 203359 h 350996"/>
                <a:gd name="connsiteX27" fmla="*/ 6100 w 261179"/>
                <a:gd name="connsiteY27" fmla="*/ 194882 h 350996"/>
                <a:gd name="connsiteX28" fmla="*/ 8291 w 261179"/>
                <a:gd name="connsiteY28" fmla="*/ 186309 h 350996"/>
                <a:gd name="connsiteX29" fmla="*/ 6290 w 261179"/>
                <a:gd name="connsiteY29" fmla="*/ 176403 h 350996"/>
                <a:gd name="connsiteX30" fmla="*/ 6290 w 261179"/>
                <a:gd name="connsiteY30" fmla="*/ 176403 h 350996"/>
                <a:gd name="connsiteX31" fmla="*/ 3909 w 261179"/>
                <a:gd name="connsiteY31" fmla="*/ 168688 h 350996"/>
                <a:gd name="connsiteX32" fmla="*/ 4290 w 261179"/>
                <a:gd name="connsiteY32" fmla="*/ 161258 h 350996"/>
                <a:gd name="connsiteX33" fmla="*/ 99 w 261179"/>
                <a:gd name="connsiteY33" fmla="*/ 151733 h 350996"/>
                <a:gd name="connsiteX34" fmla="*/ 4766 w 261179"/>
                <a:gd name="connsiteY34" fmla="*/ 146971 h 350996"/>
                <a:gd name="connsiteX35" fmla="*/ 4 w 261179"/>
                <a:gd name="connsiteY35" fmla="*/ 136303 h 350996"/>
                <a:gd name="connsiteX36" fmla="*/ 575 w 261179"/>
                <a:gd name="connsiteY36" fmla="*/ 136874 h 350996"/>
                <a:gd name="connsiteX37" fmla="*/ 4766 w 261179"/>
                <a:gd name="connsiteY37" fmla="*/ 126397 h 350996"/>
                <a:gd name="connsiteX38" fmla="*/ 13720 w 261179"/>
                <a:gd name="connsiteY38" fmla="*/ 108299 h 350996"/>
                <a:gd name="connsiteX39" fmla="*/ 23340 w 261179"/>
                <a:gd name="connsiteY39" fmla="*/ 94107 h 350996"/>
                <a:gd name="connsiteX40" fmla="*/ 35151 w 261179"/>
                <a:gd name="connsiteY40" fmla="*/ 56769 h 350996"/>
                <a:gd name="connsiteX41" fmla="*/ 55344 w 261179"/>
                <a:gd name="connsiteY41" fmla="*/ 25336 h 350996"/>
                <a:gd name="connsiteX42" fmla="*/ 83633 w 261179"/>
                <a:gd name="connsiteY42" fmla="*/ 0 h 3509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Lst>
              <a:rect l="l" t="t" r="r" b="b"/>
              <a:pathLst>
                <a:path w="261179" h="350996">
                  <a:moveTo>
                    <a:pt x="83633" y="0"/>
                  </a:moveTo>
                  <a:lnTo>
                    <a:pt x="133544" y="22479"/>
                  </a:lnTo>
                  <a:cubicBezTo>
                    <a:pt x="140212" y="25432"/>
                    <a:pt x="144879" y="31528"/>
                    <a:pt x="146117" y="38767"/>
                  </a:cubicBezTo>
                  <a:lnTo>
                    <a:pt x="159167" y="77533"/>
                  </a:lnTo>
                  <a:lnTo>
                    <a:pt x="178598" y="78200"/>
                  </a:lnTo>
                  <a:lnTo>
                    <a:pt x="201934" y="69818"/>
                  </a:lnTo>
                  <a:lnTo>
                    <a:pt x="228890" y="79915"/>
                  </a:lnTo>
                  <a:lnTo>
                    <a:pt x="236129" y="110395"/>
                  </a:lnTo>
                  <a:lnTo>
                    <a:pt x="219269" y="123063"/>
                  </a:lnTo>
                  <a:cubicBezTo>
                    <a:pt x="212792" y="127921"/>
                    <a:pt x="210316" y="136398"/>
                    <a:pt x="213173" y="143923"/>
                  </a:cubicBezTo>
                  <a:lnTo>
                    <a:pt x="261179" y="272701"/>
                  </a:lnTo>
                  <a:lnTo>
                    <a:pt x="231557" y="263557"/>
                  </a:lnTo>
                  <a:lnTo>
                    <a:pt x="197362" y="275558"/>
                  </a:lnTo>
                  <a:lnTo>
                    <a:pt x="168692" y="320897"/>
                  </a:lnTo>
                  <a:lnTo>
                    <a:pt x="158024" y="349568"/>
                  </a:lnTo>
                  <a:lnTo>
                    <a:pt x="137259" y="350996"/>
                  </a:lnTo>
                  <a:lnTo>
                    <a:pt x="111351" y="294513"/>
                  </a:lnTo>
                  <a:cubicBezTo>
                    <a:pt x="108017" y="287179"/>
                    <a:pt x="103255" y="280607"/>
                    <a:pt x="97349" y="275177"/>
                  </a:cubicBezTo>
                  <a:lnTo>
                    <a:pt x="97349" y="275177"/>
                  </a:lnTo>
                  <a:cubicBezTo>
                    <a:pt x="89825" y="268224"/>
                    <a:pt x="80681" y="263176"/>
                    <a:pt x="70775" y="260604"/>
                  </a:cubicBezTo>
                  <a:lnTo>
                    <a:pt x="21530" y="247840"/>
                  </a:lnTo>
                  <a:cubicBezTo>
                    <a:pt x="18006" y="246888"/>
                    <a:pt x="14863" y="244888"/>
                    <a:pt x="12482" y="242126"/>
                  </a:cubicBezTo>
                  <a:lnTo>
                    <a:pt x="12482" y="242126"/>
                  </a:lnTo>
                  <a:cubicBezTo>
                    <a:pt x="9148" y="238125"/>
                    <a:pt x="7814" y="232886"/>
                    <a:pt x="8862" y="227838"/>
                  </a:cubicBezTo>
                  <a:lnTo>
                    <a:pt x="11148" y="215932"/>
                  </a:lnTo>
                  <a:cubicBezTo>
                    <a:pt x="11624" y="213265"/>
                    <a:pt x="11243" y="210503"/>
                    <a:pt x="9910" y="208121"/>
                  </a:cubicBezTo>
                  <a:lnTo>
                    <a:pt x="7243" y="203359"/>
                  </a:lnTo>
                  <a:cubicBezTo>
                    <a:pt x="5814" y="200787"/>
                    <a:pt x="5433" y="197739"/>
                    <a:pt x="6100" y="194882"/>
                  </a:cubicBezTo>
                  <a:lnTo>
                    <a:pt x="8291" y="186309"/>
                  </a:lnTo>
                  <a:cubicBezTo>
                    <a:pt x="9148" y="182880"/>
                    <a:pt x="8386" y="179261"/>
                    <a:pt x="6290" y="176403"/>
                  </a:cubicBezTo>
                  <a:lnTo>
                    <a:pt x="6290" y="176403"/>
                  </a:lnTo>
                  <a:cubicBezTo>
                    <a:pt x="4576" y="174212"/>
                    <a:pt x="3814" y="171450"/>
                    <a:pt x="3909" y="168688"/>
                  </a:cubicBezTo>
                  <a:lnTo>
                    <a:pt x="4290" y="161258"/>
                  </a:lnTo>
                  <a:cubicBezTo>
                    <a:pt x="4481" y="157639"/>
                    <a:pt x="2957" y="154019"/>
                    <a:pt x="99" y="151733"/>
                  </a:cubicBezTo>
                  <a:lnTo>
                    <a:pt x="4766" y="146971"/>
                  </a:lnTo>
                  <a:cubicBezTo>
                    <a:pt x="1623" y="144304"/>
                    <a:pt x="-91" y="140399"/>
                    <a:pt x="4" y="136303"/>
                  </a:cubicBezTo>
                  <a:lnTo>
                    <a:pt x="575" y="136874"/>
                  </a:lnTo>
                  <a:cubicBezTo>
                    <a:pt x="671" y="133064"/>
                    <a:pt x="1814" y="128873"/>
                    <a:pt x="4766" y="126397"/>
                  </a:cubicBezTo>
                  <a:lnTo>
                    <a:pt x="13720" y="108299"/>
                  </a:lnTo>
                  <a:cubicBezTo>
                    <a:pt x="18197" y="104584"/>
                    <a:pt x="21626" y="99727"/>
                    <a:pt x="23340" y="94107"/>
                  </a:cubicBezTo>
                  <a:lnTo>
                    <a:pt x="35151" y="56769"/>
                  </a:lnTo>
                  <a:cubicBezTo>
                    <a:pt x="38961" y="44672"/>
                    <a:pt x="45914" y="33814"/>
                    <a:pt x="55344" y="25336"/>
                  </a:cubicBezTo>
                  <a:lnTo>
                    <a:pt x="83633" y="0"/>
                  </a:lnTo>
                  <a:close/>
                </a:path>
              </a:pathLst>
            </a:custGeom>
            <a:solidFill>
              <a:srgbClr val="43AAE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4" name="Freeform: Shape 103">
              <a:extLst>
                <a:ext uri="{FF2B5EF4-FFF2-40B4-BE49-F238E27FC236}">
                  <a16:creationId xmlns:a16="http://schemas.microsoft.com/office/drawing/2014/main" id="{5F9CEC0B-2CB4-40C9-9129-34CED6D0E25A}"/>
                </a:ext>
              </a:extLst>
            </p:cNvPr>
            <p:cNvSpPr/>
            <p:nvPr/>
          </p:nvSpPr>
          <p:spPr>
            <a:xfrm>
              <a:off x="-1867515" y="3650320"/>
              <a:ext cx="65894" cy="68805"/>
            </a:xfrm>
            <a:custGeom>
              <a:avLst/>
              <a:gdLst>
                <a:gd name="connsiteX0" fmla="*/ 0 w 133635"/>
                <a:gd name="connsiteY0" fmla="*/ 40100 h 139541"/>
                <a:gd name="connsiteX1" fmla="*/ 36671 w 133635"/>
                <a:gd name="connsiteY1" fmla="*/ 49149 h 139541"/>
                <a:gd name="connsiteX2" fmla="*/ 63246 w 133635"/>
                <a:gd name="connsiteY2" fmla="*/ 63722 h 139541"/>
                <a:gd name="connsiteX3" fmla="*/ 77248 w 133635"/>
                <a:gd name="connsiteY3" fmla="*/ 83058 h 139541"/>
                <a:gd name="connsiteX4" fmla="*/ 103156 w 133635"/>
                <a:gd name="connsiteY4" fmla="*/ 139541 h 139541"/>
                <a:gd name="connsiteX5" fmla="*/ 123920 w 133635"/>
                <a:gd name="connsiteY5" fmla="*/ 138113 h 139541"/>
                <a:gd name="connsiteX6" fmla="*/ 124206 w 133635"/>
                <a:gd name="connsiteY6" fmla="*/ 137350 h 139541"/>
                <a:gd name="connsiteX7" fmla="*/ 133636 w 133635"/>
                <a:gd name="connsiteY7" fmla="*/ 110776 h 139541"/>
                <a:gd name="connsiteX8" fmla="*/ 107632 w 133635"/>
                <a:gd name="connsiteY8" fmla="*/ 52959 h 139541"/>
                <a:gd name="connsiteX9" fmla="*/ 104489 w 133635"/>
                <a:gd name="connsiteY9" fmla="*/ 31814 h 139541"/>
                <a:gd name="connsiteX10" fmla="*/ 108585 w 133635"/>
                <a:gd name="connsiteY10" fmla="*/ 0 h 1395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33635" h="139541">
                  <a:moveTo>
                    <a:pt x="0" y="40100"/>
                  </a:moveTo>
                  <a:lnTo>
                    <a:pt x="36671" y="49149"/>
                  </a:lnTo>
                  <a:cubicBezTo>
                    <a:pt x="46577" y="51721"/>
                    <a:pt x="55721" y="56769"/>
                    <a:pt x="63246" y="63722"/>
                  </a:cubicBezTo>
                  <a:cubicBezTo>
                    <a:pt x="69151" y="69247"/>
                    <a:pt x="73914" y="75819"/>
                    <a:pt x="77248" y="83058"/>
                  </a:cubicBezTo>
                  <a:lnTo>
                    <a:pt x="103156" y="139541"/>
                  </a:lnTo>
                  <a:lnTo>
                    <a:pt x="123920" y="138113"/>
                  </a:lnTo>
                  <a:lnTo>
                    <a:pt x="124206" y="137350"/>
                  </a:lnTo>
                  <a:lnTo>
                    <a:pt x="133636" y="110776"/>
                  </a:lnTo>
                  <a:lnTo>
                    <a:pt x="107632" y="52959"/>
                  </a:lnTo>
                  <a:cubicBezTo>
                    <a:pt x="104680" y="46292"/>
                    <a:pt x="103537" y="38957"/>
                    <a:pt x="104489" y="31814"/>
                  </a:cubicBezTo>
                  <a:lnTo>
                    <a:pt x="108585" y="0"/>
                  </a:lnTo>
                </a:path>
              </a:pathLst>
            </a:custGeom>
            <a:solidFill>
              <a:srgbClr val="B9C4D5"/>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5" name="Freeform: Shape 104">
              <a:extLst>
                <a:ext uri="{FF2B5EF4-FFF2-40B4-BE49-F238E27FC236}">
                  <a16:creationId xmlns:a16="http://schemas.microsoft.com/office/drawing/2014/main" id="{15984186-968D-4309-A56A-116C2049A22E}"/>
                </a:ext>
              </a:extLst>
            </p:cNvPr>
            <p:cNvSpPr/>
            <p:nvPr/>
          </p:nvSpPr>
          <p:spPr>
            <a:xfrm>
              <a:off x="-1870428" y="3546101"/>
              <a:ext cx="48564" cy="39076"/>
            </a:xfrm>
            <a:custGeom>
              <a:avLst/>
              <a:gdLst>
                <a:gd name="connsiteX0" fmla="*/ 98488 w 98488"/>
                <a:gd name="connsiteY0" fmla="*/ 19336 h 79247"/>
                <a:gd name="connsiteX1" fmla="*/ 55435 w 98488"/>
                <a:gd name="connsiteY1" fmla="*/ 0 h 79247"/>
                <a:gd name="connsiteX2" fmla="*/ 27242 w 98488"/>
                <a:gd name="connsiteY2" fmla="*/ 25432 h 79247"/>
                <a:gd name="connsiteX3" fmla="*/ 7048 w 98488"/>
                <a:gd name="connsiteY3" fmla="*/ 56864 h 79247"/>
                <a:gd name="connsiteX4" fmla="*/ 0 w 98488"/>
                <a:gd name="connsiteY4" fmla="*/ 79248 h 79247"/>
                <a:gd name="connsiteX5" fmla="*/ 45910 w 98488"/>
                <a:gd name="connsiteY5" fmla="*/ 66104 h 79247"/>
                <a:gd name="connsiteX6" fmla="*/ 76295 w 98488"/>
                <a:gd name="connsiteY6" fmla="*/ 46292 h 79247"/>
                <a:gd name="connsiteX7" fmla="*/ 98488 w 98488"/>
                <a:gd name="connsiteY7" fmla="*/ 19336 h 792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98488" h="79247">
                  <a:moveTo>
                    <a:pt x="98488" y="19336"/>
                  </a:moveTo>
                  <a:lnTo>
                    <a:pt x="55435" y="0"/>
                  </a:lnTo>
                  <a:lnTo>
                    <a:pt x="27242" y="25432"/>
                  </a:lnTo>
                  <a:cubicBezTo>
                    <a:pt x="17812" y="33909"/>
                    <a:pt x="10858" y="44768"/>
                    <a:pt x="7048" y="56864"/>
                  </a:cubicBezTo>
                  <a:lnTo>
                    <a:pt x="0" y="79248"/>
                  </a:lnTo>
                  <a:lnTo>
                    <a:pt x="45910" y="66104"/>
                  </a:lnTo>
                  <a:cubicBezTo>
                    <a:pt x="57817" y="62675"/>
                    <a:pt x="68390" y="55817"/>
                    <a:pt x="76295" y="46292"/>
                  </a:cubicBezTo>
                  <a:lnTo>
                    <a:pt x="98488" y="19336"/>
                  </a:lnTo>
                  <a:close/>
                </a:path>
              </a:pathLst>
            </a:custGeom>
            <a:solidFill>
              <a:srgbClr val="28A7DE"/>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6" name="Freeform: Shape 105">
              <a:extLst>
                <a:ext uri="{FF2B5EF4-FFF2-40B4-BE49-F238E27FC236}">
                  <a16:creationId xmlns:a16="http://schemas.microsoft.com/office/drawing/2014/main" id="{8144727E-C440-4F90-B471-CA405725ABE5}"/>
                </a:ext>
              </a:extLst>
            </p:cNvPr>
            <p:cNvSpPr/>
            <p:nvPr/>
          </p:nvSpPr>
          <p:spPr>
            <a:xfrm>
              <a:off x="-1815054" y="3677073"/>
              <a:ext cx="183251" cy="275007"/>
            </a:xfrm>
            <a:custGeom>
              <a:avLst/>
              <a:gdLst>
                <a:gd name="connsiteX0" fmla="*/ 0 w 371641"/>
                <a:gd name="connsiteY0" fmla="*/ 251116 h 557726"/>
                <a:gd name="connsiteX1" fmla="*/ 164973 w 371641"/>
                <a:gd name="connsiteY1" fmla="*/ 357034 h 557726"/>
                <a:gd name="connsiteX2" fmla="*/ 167354 w 371641"/>
                <a:gd name="connsiteY2" fmla="*/ 376942 h 557726"/>
                <a:gd name="connsiteX3" fmla="*/ 156496 w 371641"/>
                <a:gd name="connsiteY3" fmla="*/ 388372 h 557726"/>
                <a:gd name="connsiteX4" fmla="*/ 147256 w 371641"/>
                <a:gd name="connsiteY4" fmla="*/ 395134 h 557726"/>
                <a:gd name="connsiteX5" fmla="*/ 78581 w 371641"/>
                <a:gd name="connsiteY5" fmla="*/ 428377 h 557726"/>
                <a:gd name="connsiteX6" fmla="*/ 63913 w 371641"/>
                <a:gd name="connsiteY6" fmla="*/ 441712 h 557726"/>
                <a:gd name="connsiteX7" fmla="*/ 52006 w 371641"/>
                <a:gd name="connsiteY7" fmla="*/ 461238 h 557726"/>
                <a:gd name="connsiteX8" fmla="*/ 42100 w 371641"/>
                <a:gd name="connsiteY8" fmla="*/ 468953 h 557726"/>
                <a:gd name="connsiteX9" fmla="*/ 13144 w 371641"/>
                <a:gd name="connsiteY9" fmla="*/ 478002 h 557726"/>
                <a:gd name="connsiteX10" fmla="*/ 38767 w 371641"/>
                <a:gd name="connsiteY10" fmla="*/ 557726 h 557726"/>
                <a:gd name="connsiteX11" fmla="*/ 61341 w 371641"/>
                <a:gd name="connsiteY11" fmla="*/ 548011 h 557726"/>
                <a:gd name="connsiteX12" fmla="*/ 67818 w 371641"/>
                <a:gd name="connsiteY12" fmla="*/ 546582 h 557726"/>
                <a:gd name="connsiteX13" fmla="*/ 116110 w 371641"/>
                <a:gd name="connsiteY13" fmla="*/ 544963 h 557726"/>
                <a:gd name="connsiteX14" fmla="*/ 133445 w 371641"/>
                <a:gd name="connsiteY14" fmla="*/ 539533 h 557726"/>
                <a:gd name="connsiteX15" fmla="*/ 266890 w 371641"/>
                <a:gd name="connsiteY15" fmla="*/ 453904 h 557726"/>
                <a:gd name="connsiteX16" fmla="*/ 283940 w 371641"/>
                <a:gd name="connsiteY16" fmla="*/ 449046 h 557726"/>
                <a:gd name="connsiteX17" fmla="*/ 309467 w 371641"/>
                <a:gd name="connsiteY17" fmla="*/ 449427 h 557726"/>
                <a:gd name="connsiteX18" fmla="*/ 330898 w 371641"/>
                <a:gd name="connsiteY18" fmla="*/ 441140 h 557726"/>
                <a:gd name="connsiteX19" fmla="*/ 358616 w 371641"/>
                <a:gd name="connsiteY19" fmla="*/ 415232 h 557726"/>
                <a:gd name="connsiteX20" fmla="*/ 367665 w 371641"/>
                <a:gd name="connsiteY20" fmla="*/ 399421 h 557726"/>
                <a:gd name="connsiteX21" fmla="*/ 370903 w 371641"/>
                <a:gd name="connsiteY21" fmla="*/ 384466 h 557726"/>
                <a:gd name="connsiteX22" fmla="*/ 368522 w 371641"/>
                <a:gd name="connsiteY22" fmla="*/ 364369 h 557726"/>
                <a:gd name="connsiteX23" fmla="*/ 288322 w 371641"/>
                <a:gd name="connsiteY23" fmla="*/ 199777 h 557726"/>
                <a:gd name="connsiteX24" fmla="*/ 259747 w 371641"/>
                <a:gd name="connsiteY24" fmla="*/ 165391 h 557726"/>
                <a:gd name="connsiteX25" fmla="*/ 259747 w 371641"/>
                <a:gd name="connsiteY25" fmla="*/ 165391 h 557726"/>
                <a:gd name="connsiteX26" fmla="*/ 236220 w 371641"/>
                <a:gd name="connsiteY26" fmla="*/ 139960 h 557726"/>
                <a:gd name="connsiteX27" fmla="*/ 168307 w 371641"/>
                <a:gd name="connsiteY27" fmla="*/ 32137 h 557726"/>
                <a:gd name="connsiteX28" fmla="*/ 150019 w 371641"/>
                <a:gd name="connsiteY28" fmla="*/ 17849 h 557726"/>
                <a:gd name="connsiteX29" fmla="*/ 101536 w 371641"/>
                <a:gd name="connsiteY29" fmla="*/ 1657 h 557726"/>
                <a:gd name="connsiteX30" fmla="*/ 80867 w 371641"/>
                <a:gd name="connsiteY30" fmla="*/ 1847 h 557726"/>
                <a:gd name="connsiteX31" fmla="*/ 67437 w 371641"/>
                <a:gd name="connsiteY31" fmla="*/ 6610 h 557726"/>
                <a:gd name="connsiteX32" fmla="*/ 51054 w 371641"/>
                <a:gd name="connsiteY32" fmla="*/ 19659 h 557726"/>
                <a:gd name="connsiteX33" fmla="*/ 28289 w 371641"/>
                <a:gd name="connsiteY33" fmla="*/ 55568 h 557726"/>
                <a:gd name="connsiteX34" fmla="*/ 0 w 371641"/>
                <a:gd name="connsiteY34" fmla="*/ 251116 h 5577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371641" h="557726">
                  <a:moveTo>
                    <a:pt x="0" y="251116"/>
                  </a:moveTo>
                  <a:lnTo>
                    <a:pt x="164973" y="357034"/>
                  </a:lnTo>
                  <a:cubicBezTo>
                    <a:pt x="171831" y="361416"/>
                    <a:pt x="172974" y="371036"/>
                    <a:pt x="167354" y="376942"/>
                  </a:cubicBezTo>
                  <a:lnTo>
                    <a:pt x="156496" y="388372"/>
                  </a:lnTo>
                  <a:cubicBezTo>
                    <a:pt x="153829" y="391134"/>
                    <a:pt x="150686" y="393420"/>
                    <a:pt x="147256" y="395134"/>
                  </a:cubicBezTo>
                  <a:lnTo>
                    <a:pt x="78581" y="428377"/>
                  </a:lnTo>
                  <a:cubicBezTo>
                    <a:pt x="72485" y="431329"/>
                    <a:pt x="67437" y="435901"/>
                    <a:pt x="63913" y="441712"/>
                  </a:cubicBezTo>
                  <a:lnTo>
                    <a:pt x="52006" y="461238"/>
                  </a:lnTo>
                  <a:cubicBezTo>
                    <a:pt x="49721" y="464953"/>
                    <a:pt x="46292" y="467620"/>
                    <a:pt x="42100" y="468953"/>
                  </a:cubicBezTo>
                  <a:lnTo>
                    <a:pt x="13144" y="478002"/>
                  </a:lnTo>
                  <a:lnTo>
                    <a:pt x="38767" y="557726"/>
                  </a:lnTo>
                  <a:lnTo>
                    <a:pt x="61341" y="548011"/>
                  </a:lnTo>
                  <a:cubicBezTo>
                    <a:pt x="63341" y="547153"/>
                    <a:pt x="65627" y="546677"/>
                    <a:pt x="67818" y="546582"/>
                  </a:cubicBezTo>
                  <a:lnTo>
                    <a:pt x="116110" y="544963"/>
                  </a:lnTo>
                  <a:cubicBezTo>
                    <a:pt x="122301" y="544772"/>
                    <a:pt x="128206" y="542867"/>
                    <a:pt x="133445" y="539533"/>
                  </a:cubicBezTo>
                  <a:lnTo>
                    <a:pt x="266890" y="453904"/>
                  </a:lnTo>
                  <a:cubicBezTo>
                    <a:pt x="271939" y="450665"/>
                    <a:pt x="277940" y="448951"/>
                    <a:pt x="283940" y="449046"/>
                  </a:cubicBezTo>
                  <a:lnTo>
                    <a:pt x="309467" y="449427"/>
                  </a:lnTo>
                  <a:cubicBezTo>
                    <a:pt x="317468" y="449522"/>
                    <a:pt x="325088" y="446569"/>
                    <a:pt x="330898" y="441140"/>
                  </a:cubicBezTo>
                  <a:lnTo>
                    <a:pt x="358616" y="415232"/>
                  </a:lnTo>
                  <a:cubicBezTo>
                    <a:pt x="363188" y="410946"/>
                    <a:pt x="366332" y="405517"/>
                    <a:pt x="367665" y="399421"/>
                  </a:cubicBezTo>
                  <a:lnTo>
                    <a:pt x="370903" y="384466"/>
                  </a:lnTo>
                  <a:cubicBezTo>
                    <a:pt x="372428" y="377704"/>
                    <a:pt x="371570" y="370655"/>
                    <a:pt x="368522" y="364369"/>
                  </a:cubicBezTo>
                  <a:lnTo>
                    <a:pt x="288322" y="199777"/>
                  </a:lnTo>
                  <a:cubicBezTo>
                    <a:pt x="281654" y="186156"/>
                    <a:pt x="271939" y="174345"/>
                    <a:pt x="259747" y="165391"/>
                  </a:cubicBezTo>
                  <a:lnTo>
                    <a:pt x="259747" y="165391"/>
                  </a:lnTo>
                  <a:cubicBezTo>
                    <a:pt x="250412" y="158438"/>
                    <a:pt x="242411" y="149770"/>
                    <a:pt x="236220" y="139960"/>
                  </a:cubicBezTo>
                  <a:lnTo>
                    <a:pt x="168307" y="32137"/>
                  </a:lnTo>
                  <a:cubicBezTo>
                    <a:pt x="164021" y="25374"/>
                    <a:pt x="157639" y="20326"/>
                    <a:pt x="150019" y="17849"/>
                  </a:cubicBezTo>
                  <a:lnTo>
                    <a:pt x="101536" y="1657"/>
                  </a:lnTo>
                  <a:cubicBezTo>
                    <a:pt x="94774" y="-629"/>
                    <a:pt x="87535" y="-534"/>
                    <a:pt x="80867" y="1847"/>
                  </a:cubicBezTo>
                  <a:lnTo>
                    <a:pt x="67437" y="6610"/>
                  </a:lnTo>
                  <a:cubicBezTo>
                    <a:pt x="60674" y="8991"/>
                    <a:pt x="54864" y="13563"/>
                    <a:pt x="51054" y="19659"/>
                  </a:cubicBezTo>
                  <a:lnTo>
                    <a:pt x="28289" y="55568"/>
                  </a:lnTo>
                  <a:lnTo>
                    <a:pt x="0" y="251116"/>
                  </a:lnTo>
                  <a:close/>
                </a:path>
              </a:pathLst>
            </a:custGeom>
            <a:solidFill>
              <a:srgbClr val="E4E7EB"/>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7" name="Freeform: Shape 106">
              <a:extLst>
                <a:ext uri="{FF2B5EF4-FFF2-40B4-BE49-F238E27FC236}">
                  <a16:creationId xmlns:a16="http://schemas.microsoft.com/office/drawing/2014/main" id="{D113B596-0907-4D40-8727-F62E3294BCAB}"/>
                </a:ext>
              </a:extLst>
            </p:cNvPr>
            <p:cNvSpPr/>
            <p:nvPr/>
          </p:nvSpPr>
          <p:spPr>
            <a:xfrm>
              <a:off x="-1840323" y="3686578"/>
              <a:ext cx="50395" cy="304343"/>
            </a:xfrm>
            <a:custGeom>
              <a:avLst/>
              <a:gdLst>
                <a:gd name="connsiteX0" fmla="*/ 30385 w 102203"/>
                <a:gd name="connsiteY0" fmla="*/ 521779 h 617219"/>
                <a:gd name="connsiteX1" fmla="*/ 72962 w 102203"/>
                <a:gd name="connsiteY1" fmla="*/ 617220 h 617219"/>
                <a:gd name="connsiteX2" fmla="*/ 96869 w 102203"/>
                <a:gd name="connsiteY2" fmla="*/ 603885 h 617219"/>
                <a:gd name="connsiteX3" fmla="*/ 33909 w 102203"/>
                <a:gd name="connsiteY3" fmla="*/ 482251 h 617219"/>
                <a:gd name="connsiteX4" fmla="*/ 25622 w 102203"/>
                <a:gd name="connsiteY4" fmla="*/ 427387 h 617219"/>
                <a:gd name="connsiteX5" fmla="*/ 102203 w 102203"/>
                <a:gd name="connsiteY5" fmla="*/ 0 h 617219"/>
                <a:gd name="connsiteX6" fmla="*/ 72104 w 102203"/>
                <a:gd name="connsiteY6" fmla="*/ 29432 h 617219"/>
                <a:gd name="connsiteX7" fmla="*/ 0 w 102203"/>
                <a:gd name="connsiteY7" fmla="*/ 457105 h 617219"/>
                <a:gd name="connsiteX8" fmla="*/ 30385 w 102203"/>
                <a:gd name="connsiteY8" fmla="*/ 521779 h 6172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02203" h="617219">
                  <a:moveTo>
                    <a:pt x="30385" y="521779"/>
                  </a:moveTo>
                  <a:lnTo>
                    <a:pt x="72962" y="617220"/>
                  </a:lnTo>
                  <a:cubicBezTo>
                    <a:pt x="72962" y="617220"/>
                    <a:pt x="90773" y="609219"/>
                    <a:pt x="96869" y="603885"/>
                  </a:cubicBezTo>
                  <a:lnTo>
                    <a:pt x="33909" y="482251"/>
                  </a:lnTo>
                  <a:lnTo>
                    <a:pt x="25622" y="427387"/>
                  </a:lnTo>
                  <a:lnTo>
                    <a:pt x="102203" y="0"/>
                  </a:lnTo>
                  <a:lnTo>
                    <a:pt x="72104" y="29432"/>
                  </a:lnTo>
                  <a:lnTo>
                    <a:pt x="0" y="457105"/>
                  </a:lnTo>
                  <a:lnTo>
                    <a:pt x="30385" y="521779"/>
                  </a:lnTo>
                  <a:close/>
                </a:path>
              </a:pathLst>
            </a:custGeom>
            <a:solidFill>
              <a:srgbClr val="969892"/>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8" name="Freeform: Shape 107">
              <a:extLst>
                <a:ext uri="{FF2B5EF4-FFF2-40B4-BE49-F238E27FC236}">
                  <a16:creationId xmlns:a16="http://schemas.microsoft.com/office/drawing/2014/main" id="{B105838A-E047-46F7-B78C-6A5A74D0C487}"/>
                </a:ext>
              </a:extLst>
            </p:cNvPr>
            <p:cNvSpPr/>
            <p:nvPr/>
          </p:nvSpPr>
          <p:spPr>
            <a:xfrm>
              <a:off x="-1803265" y="3749748"/>
              <a:ext cx="171462" cy="202285"/>
            </a:xfrm>
            <a:custGeom>
              <a:avLst/>
              <a:gdLst>
                <a:gd name="connsiteX0" fmla="*/ 260033 w 347733"/>
                <a:gd name="connsiteY0" fmla="*/ 301466 h 410241"/>
                <a:gd name="connsiteX1" fmla="*/ 285560 w 347733"/>
                <a:gd name="connsiteY1" fmla="*/ 301847 h 410241"/>
                <a:gd name="connsiteX2" fmla="*/ 306991 w 347733"/>
                <a:gd name="connsiteY2" fmla="*/ 293561 h 410241"/>
                <a:gd name="connsiteX3" fmla="*/ 334709 w 347733"/>
                <a:gd name="connsiteY3" fmla="*/ 267653 h 410241"/>
                <a:gd name="connsiteX4" fmla="*/ 343757 w 347733"/>
                <a:gd name="connsiteY4" fmla="*/ 251841 h 410241"/>
                <a:gd name="connsiteX5" fmla="*/ 346996 w 347733"/>
                <a:gd name="connsiteY5" fmla="*/ 236887 h 410241"/>
                <a:gd name="connsiteX6" fmla="*/ 344615 w 347733"/>
                <a:gd name="connsiteY6" fmla="*/ 216789 h 410241"/>
                <a:gd name="connsiteX7" fmla="*/ 264319 w 347733"/>
                <a:gd name="connsiteY7" fmla="*/ 52197 h 410241"/>
                <a:gd name="connsiteX8" fmla="*/ 236030 w 347733"/>
                <a:gd name="connsiteY8" fmla="*/ 17907 h 410241"/>
                <a:gd name="connsiteX9" fmla="*/ 217742 w 347733"/>
                <a:gd name="connsiteY9" fmla="*/ 0 h 410241"/>
                <a:gd name="connsiteX10" fmla="*/ 247269 w 347733"/>
                <a:gd name="connsiteY10" fmla="*/ 144113 h 410241"/>
                <a:gd name="connsiteX11" fmla="*/ 228505 w 347733"/>
                <a:gd name="connsiteY11" fmla="*/ 174593 h 410241"/>
                <a:gd name="connsiteX12" fmla="*/ 200216 w 347733"/>
                <a:gd name="connsiteY12" fmla="*/ 182213 h 410241"/>
                <a:gd name="connsiteX13" fmla="*/ 186595 w 347733"/>
                <a:gd name="connsiteY13" fmla="*/ 203454 h 410241"/>
                <a:gd name="connsiteX14" fmla="*/ 186595 w 347733"/>
                <a:gd name="connsiteY14" fmla="*/ 203454 h 410241"/>
                <a:gd name="connsiteX15" fmla="*/ 206026 w 347733"/>
                <a:gd name="connsiteY15" fmla="*/ 219170 h 410241"/>
                <a:gd name="connsiteX16" fmla="*/ 255461 w 347733"/>
                <a:gd name="connsiteY16" fmla="*/ 216884 h 410241"/>
                <a:gd name="connsiteX17" fmla="*/ 271939 w 347733"/>
                <a:gd name="connsiteY17" fmla="*/ 229362 h 410241"/>
                <a:gd name="connsiteX18" fmla="*/ 271939 w 347733"/>
                <a:gd name="connsiteY18" fmla="*/ 229362 h 410241"/>
                <a:gd name="connsiteX19" fmla="*/ 265081 w 347733"/>
                <a:gd name="connsiteY19" fmla="*/ 246507 h 410241"/>
                <a:gd name="connsiteX20" fmla="*/ 118682 w 347733"/>
                <a:gd name="connsiteY20" fmla="*/ 342995 h 410241"/>
                <a:gd name="connsiteX21" fmla="*/ 66485 w 347733"/>
                <a:gd name="connsiteY21" fmla="*/ 360236 h 410241"/>
                <a:gd name="connsiteX22" fmla="*/ 0 w 347733"/>
                <a:gd name="connsiteY22" fmla="*/ 363950 h 410241"/>
                <a:gd name="connsiteX23" fmla="*/ 14859 w 347733"/>
                <a:gd name="connsiteY23" fmla="*/ 410242 h 410241"/>
                <a:gd name="connsiteX24" fmla="*/ 37433 w 347733"/>
                <a:gd name="connsiteY24" fmla="*/ 400526 h 410241"/>
                <a:gd name="connsiteX25" fmla="*/ 43910 w 347733"/>
                <a:gd name="connsiteY25" fmla="*/ 399097 h 410241"/>
                <a:gd name="connsiteX26" fmla="*/ 92202 w 347733"/>
                <a:gd name="connsiteY26" fmla="*/ 397478 h 410241"/>
                <a:gd name="connsiteX27" fmla="*/ 109538 w 347733"/>
                <a:gd name="connsiteY27" fmla="*/ 392049 h 410241"/>
                <a:gd name="connsiteX28" fmla="*/ 242983 w 347733"/>
                <a:gd name="connsiteY28" fmla="*/ 306419 h 410241"/>
                <a:gd name="connsiteX29" fmla="*/ 260033 w 347733"/>
                <a:gd name="connsiteY29" fmla="*/ 301466 h 4102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347733" h="410241">
                  <a:moveTo>
                    <a:pt x="260033" y="301466"/>
                  </a:moveTo>
                  <a:lnTo>
                    <a:pt x="285560" y="301847"/>
                  </a:lnTo>
                  <a:cubicBezTo>
                    <a:pt x="293561" y="301943"/>
                    <a:pt x="301181" y="298990"/>
                    <a:pt x="306991" y="293561"/>
                  </a:cubicBezTo>
                  <a:lnTo>
                    <a:pt x="334709" y="267653"/>
                  </a:lnTo>
                  <a:cubicBezTo>
                    <a:pt x="339281" y="263366"/>
                    <a:pt x="342424" y="257937"/>
                    <a:pt x="343757" y="251841"/>
                  </a:cubicBezTo>
                  <a:lnTo>
                    <a:pt x="346996" y="236887"/>
                  </a:lnTo>
                  <a:cubicBezTo>
                    <a:pt x="348520" y="230124"/>
                    <a:pt x="347663" y="223076"/>
                    <a:pt x="344615" y="216789"/>
                  </a:cubicBezTo>
                  <a:lnTo>
                    <a:pt x="264319" y="52197"/>
                  </a:lnTo>
                  <a:cubicBezTo>
                    <a:pt x="257747" y="38672"/>
                    <a:pt x="248031" y="26860"/>
                    <a:pt x="236030" y="17907"/>
                  </a:cubicBezTo>
                  <a:cubicBezTo>
                    <a:pt x="229076" y="12764"/>
                    <a:pt x="222980" y="6763"/>
                    <a:pt x="217742" y="0"/>
                  </a:cubicBezTo>
                  <a:lnTo>
                    <a:pt x="247269" y="144113"/>
                  </a:lnTo>
                  <a:cubicBezTo>
                    <a:pt x="250031" y="157639"/>
                    <a:pt x="241840" y="170974"/>
                    <a:pt x="228505" y="174593"/>
                  </a:cubicBezTo>
                  <a:lnTo>
                    <a:pt x="200216" y="182213"/>
                  </a:lnTo>
                  <a:cubicBezTo>
                    <a:pt x="190881" y="184690"/>
                    <a:pt x="184976" y="193929"/>
                    <a:pt x="186595" y="203454"/>
                  </a:cubicBezTo>
                  <a:lnTo>
                    <a:pt x="186595" y="203454"/>
                  </a:lnTo>
                  <a:cubicBezTo>
                    <a:pt x="188119" y="212884"/>
                    <a:pt x="196501" y="219647"/>
                    <a:pt x="206026" y="219170"/>
                  </a:cubicBezTo>
                  <a:lnTo>
                    <a:pt x="255461" y="216884"/>
                  </a:lnTo>
                  <a:cubicBezTo>
                    <a:pt x="263271" y="216503"/>
                    <a:pt x="270224" y="221742"/>
                    <a:pt x="271939" y="229362"/>
                  </a:cubicBezTo>
                  <a:lnTo>
                    <a:pt x="271939" y="229362"/>
                  </a:lnTo>
                  <a:cubicBezTo>
                    <a:pt x="273463" y="235934"/>
                    <a:pt x="270701" y="242792"/>
                    <a:pt x="265081" y="246507"/>
                  </a:cubicBezTo>
                  <a:lnTo>
                    <a:pt x="118682" y="342995"/>
                  </a:lnTo>
                  <a:cubicBezTo>
                    <a:pt x="103156" y="353282"/>
                    <a:pt x="85154" y="359188"/>
                    <a:pt x="66485" y="360236"/>
                  </a:cubicBezTo>
                  <a:lnTo>
                    <a:pt x="0" y="363950"/>
                  </a:lnTo>
                  <a:lnTo>
                    <a:pt x="14859" y="410242"/>
                  </a:lnTo>
                  <a:lnTo>
                    <a:pt x="37433" y="400526"/>
                  </a:lnTo>
                  <a:cubicBezTo>
                    <a:pt x="39433" y="399669"/>
                    <a:pt x="41720" y="399193"/>
                    <a:pt x="43910" y="399097"/>
                  </a:cubicBezTo>
                  <a:lnTo>
                    <a:pt x="92202" y="397478"/>
                  </a:lnTo>
                  <a:cubicBezTo>
                    <a:pt x="98393" y="397288"/>
                    <a:pt x="104299" y="395383"/>
                    <a:pt x="109538" y="392049"/>
                  </a:cubicBezTo>
                  <a:lnTo>
                    <a:pt x="242983" y="306419"/>
                  </a:lnTo>
                  <a:cubicBezTo>
                    <a:pt x="248031" y="303086"/>
                    <a:pt x="253937" y="301466"/>
                    <a:pt x="260033" y="301466"/>
                  </a:cubicBezTo>
                  <a:close/>
                </a:path>
              </a:pathLst>
            </a:custGeom>
            <a:solidFill>
              <a:srgbClr val="D9DEE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09" name="Freeform: Shape 108">
              <a:extLst>
                <a:ext uri="{FF2B5EF4-FFF2-40B4-BE49-F238E27FC236}">
                  <a16:creationId xmlns:a16="http://schemas.microsoft.com/office/drawing/2014/main" id="{EFF5D989-194E-4D64-903E-3A745C70B978}"/>
                </a:ext>
              </a:extLst>
            </p:cNvPr>
            <p:cNvSpPr/>
            <p:nvPr/>
          </p:nvSpPr>
          <p:spPr>
            <a:xfrm>
              <a:off x="-1869176" y="3886613"/>
              <a:ext cx="73237" cy="65373"/>
            </a:xfrm>
            <a:custGeom>
              <a:avLst/>
              <a:gdLst>
                <a:gd name="connsiteX0" fmla="*/ 122908 w 148530"/>
                <a:gd name="connsiteY0" fmla="*/ 52949 h 132577"/>
                <a:gd name="connsiteX1" fmla="*/ 118813 w 148530"/>
                <a:gd name="connsiteY1" fmla="*/ 43709 h 132577"/>
                <a:gd name="connsiteX2" fmla="*/ 88714 w 148530"/>
                <a:gd name="connsiteY2" fmla="*/ 9991 h 132577"/>
                <a:gd name="connsiteX3" fmla="*/ 88714 w 148530"/>
                <a:gd name="connsiteY3" fmla="*/ 9991 h 132577"/>
                <a:gd name="connsiteX4" fmla="*/ 83285 w 148530"/>
                <a:gd name="connsiteY4" fmla="*/ 7705 h 132577"/>
                <a:gd name="connsiteX5" fmla="*/ 74331 w 148530"/>
                <a:gd name="connsiteY5" fmla="*/ 4181 h 132577"/>
                <a:gd name="connsiteX6" fmla="*/ 24325 w 148530"/>
                <a:gd name="connsiteY6" fmla="*/ 6848 h 132577"/>
                <a:gd name="connsiteX7" fmla="*/ 11085 w 148530"/>
                <a:gd name="connsiteY7" fmla="*/ 13706 h 132577"/>
                <a:gd name="connsiteX8" fmla="*/ 36 w 148530"/>
                <a:gd name="connsiteY8" fmla="*/ 33422 h 132577"/>
                <a:gd name="connsiteX9" fmla="*/ 2608 w 148530"/>
                <a:gd name="connsiteY9" fmla="*/ 74856 h 132577"/>
                <a:gd name="connsiteX10" fmla="*/ 24801 w 148530"/>
                <a:gd name="connsiteY10" fmla="*/ 94478 h 132577"/>
                <a:gd name="connsiteX11" fmla="*/ 40327 w 148530"/>
                <a:gd name="connsiteY11" fmla="*/ 93525 h 132577"/>
                <a:gd name="connsiteX12" fmla="*/ 53090 w 148530"/>
                <a:gd name="connsiteY12" fmla="*/ 97145 h 132577"/>
                <a:gd name="connsiteX13" fmla="*/ 82903 w 148530"/>
                <a:gd name="connsiteY13" fmla="*/ 118862 h 132577"/>
                <a:gd name="connsiteX14" fmla="*/ 108716 w 148530"/>
                <a:gd name="connsiteY14" fmla="*/ 128672 h 132577"/>
                <a:gd name="connsiteX15" fmla="*/ 148531 w 148530"/>
                <a:gd name="connsiteY15" fmla="*/ 132578 h 132577"/>
                <a:gd name="connsiteX16" fmla="*/ 122908 w 148530"/>
                <a:gd name="connsiteY16" fmla="*/ 52949 h 1325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48530" h="132577">
                  <a:moveTo>
                    <a:pt x="122908" y="52949"/>
                  </a:moveTo>
                  <a:lnTo>
                    <a:pt x="118813" y="43709"/>
                  </a:lnTo>
                  <a:cubicBezTo>
                    <a:pt x="112621" y="29612"/>
                    <a:pt x="102049" y="17801"/>
                    <a:pt x="88714" y="9991"/>
                  </a:cubicBezTo>
                  <a:lnTo>
                    <a:pt x="88714" y="9991"/>
                  </a:lnTo>
                  <a:cubicBezTo>
                    <a:pt x="86999" y="9038"/>
                    <a:pt x="85189" y="8276"/>
                    <a:pt x="83285" y="7705"/>
                  </a:cubicBezTo>
                  <a:lnTo>
                    <a:pt x="74331" y="4181"/>
                  </a:lnTo>
                  <a:cubicBezTo>
                    <a:pt x="58043" y="-2201"/>
                    <a:pt x="39850" y="-1249"/>
                    <a:pt x="24325" y="6848"/>
                  </a:cubicBezTo>
                  <a:lnTo>
                    <a:pt x="11085" y="13706"/>
                  </a:lnTo>
                  <a:cubicBezTo>
                    <a:pt x="3846" y="17516"/>
                    <a:pt x="-440" y="25231"/>
                    <a:pt x="36" y="33422"/>
                  </a:cubicBezTo>
                  <a:lnTo>
                    <a:pt x="2608" y="74856"/>
                  </a:lnTo>
                  <a:cubicBezTo>
                    <a:pt x="3274" y="86381"/>
                    <a:pt x="13276" y="95144"/>
                    <a:pt x="24801" y="94478"/>
                  </a:cubicBezTo>
                  <a:lnTo>
                    <a:pt x="40327" y="93525"/>
                  </a:lnTo>
                  <a:cubicBezTo>
                    <a:pt x="44899" y="93239"/>
                    <a:pt x="49375" y="94478"/>
                    <a:pt x="53090" y="97145"/>
                  </a:cubicBezTo>
                  <a:lnTo>
                    <a:pt x="82903" y="118862"/>
                  </a:lnTo>
                  <a:cubicBezTo>
                    <a:pt x="90523" y="124386"/>
                    <a:pt x="99382" y="127815"/>
                    <a:pt x="108716" y="128672"/>
                  </a:cubicBezTo>
                  <a:lnTo>
                    <a:pt x="148531" y="132578"/>
                  </a:lnTo>
                  <a:lnTo>
                    <a:pt x="122908" y="52949"/>
                  </a:lnTo>
                  <a:close/>
                </a:path>
              </a:pathLst>
            </a:custGeom>
            <a:solidFill>
              <a:srgbClr val="43AAE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10" name="Freeform: Shape 109">
              <a:extLst>
                <a:ext uri="{FF2B5EF4-FFF2-40B4-BE49-F238E27FC236}">
                  <a16:creationId xmlns:a16="http://schemas.microsoft.com/office/drawing/2014/main" id="{196CEFA8-6C9E-42CB-B4D9-A72233020237}"/>
                </a:ext>
              </a:extLst>
            </p:cNvPr>
            <p:cNvSpPr/>
            <p:nvPr/>
          </p:nvSpPr>
          <p:spPr>
            <a:xfrm>
              <a:off x="-1868595" y="3906965"/>
              <a:ext cx="72704" cy="45068"/>
            </a:xfrm>
            <a:custGeom>
              <a:avLst/>
              <a:gdLst>
                <a:gd name="connsiteX0" fmla="*/ 107632 w 147446"/>
                <a:gd name="connsiteY0" fmla="*/ 87493 h 91398"/>
                <a:gd name="connsiteX1" fmla="*/ 147447 w 147446"/>
                <a:gd name="connsiteY1" fmla="*/ 91398 h 91398"/>
                <a:gd name="connsiteX2" fmla="*/ 132493 w 147446"/>
                <a:gd name="connsiteY2" fmla="*/ 45107 h 91398"/>
                <a:gd name="connsiteX3" fmla="*/ 132493 w 147446"/>
                <a:gd name="connsiteY3" fmla="*/ 45107 h 91398"/>
                <a:gd name="connsiteX4" fmla="*/ 102108 w 147446"/>
                <a:gd name="connsiteY4" fmla="*/ 46726 h 91398"/>
                <a:gd name="connsiteX5" fmla="*/ 83725 w 147446"/>
                <a:gd name="connsiteY5" fmla="*/ 41106 h 91398"/>
                <a:gd name="connsiteX6" fmla="*/ 63532 w 147446"/>
                <a:gd name="connsiteY6" fmla="*/ 25771 h 91398"/>
                <a:gd name="connsiteX7" fmla="*/ 58674 w 147446"/>
                <a:gd name="connsiteY7" fmla="*/ 14055 h 91398"/>
                <a:gd name="connsiteX8" fmla="*/ 58769 w 147446"/>
                <a:gd name="connsiteY8" fmla="*/ 13293 h 91398"/>
                <a:gd name="connsiteX9" fmla="*/ 44767 w 147446"/>
                <a:gd name="connsiteY9" fmla="*/ 244 h 91398"/>
                <a:gd name="connsiteX10" fmla="*/ 0 w 147446"/>
                <a:gd name="connsiteY10" fmla="*/ 9483 h 91398"/>
                <a:gd name="connsiteX11" fmla="*/ 1524 w 147446"/>
                <a:gd name="connsiteY11" fmla="*/ 33677 h 91398"/>
                <a:gd name="connsiteX12" fmla="*/ 23717 w 147446"/>
                <a:gd name="connsiteY12" fmla="*/ 53298 h 91398"/>
                <a:gd name="connsiteX13" fmla="*/ 39243 w 147446"/>
                <a:gd name="connsiteY13" fmla="*/ 52346 h 91398"/>
                <a:gd name="connsiteX14" fmla="*/ 52006 w 147446"/>
                <a:gd name="connsiteY14" fmla="*/ 55965 h 91398"/>
                <a:gd name="connsiteX15" fmla="*/ 81820 w 147446"/>
                <a:gd name="connsiteY15" fmla="*/ 77682 h 91398"/>
                <a:gd name="connsiteX16" fmla="*/ 107632 w 147446"/>
                <a:gd name="connsiteY16" fmla="*/ 87493 h 913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47446" h="91398">
                  <a:moveTo>
                    <a:pt x="107632" y="87493"/>
                  </a:moveTo>
                  <a:lnTo>
                    <a:pt x="147447" y="91398"/>
                  </a:lnTo>
                  <a:lnTo>
                    <a:pt x="132493" y="45107"/>
                  </a:lnTo>
                  <a:lnTo>
                    <a:pt x="132493" y="45107"/>
                  </a:lnTo>
                  <a:lnTo>
                    <a:pt x="102108" y="46726"/>
                  </a:lnTo>
                  <a:cubicBezTo>
                    <a:pt x="95536" y="47107"/>
                    <a:pt x="89059" y="45107"/>
                    <a:pt x="83725" y="41106"/>
                  </a:cubicBezTo>
                  <a:lnTo>
                    <a:pt x="63532" y="25771"/>
                  </a:lnTo>
                  <a:cubicBezTo>
                    <a:pt x="59912" y="23009"/>
                    <a:pt x="58007" y="18532"/>
                    <a:pt x="58674" y="14055"/>
                  </a:cubicBezTo>
                  <a:lnTo>
                    <a:pt x="58769" y="13293"/>
                  </a:lnTo>
                  <a:cubicBezTo>
                    <a:pt x="59817" y="5292"/>
                    <a:pt x="52673" y="-1375"/>
                    <a:pt x="44767" y="244"/>
                  </a:cubicBezTo>
                  <a:lnTo>
                    <a:pt x="0" y="9483"/>
                  </a:lnTo>
                  <a:lnTo>
                    <a:pt x="1524" y="33677"/>
                  </a:lnTo>
                  <a:cubicBezTo>
                    <a:pt x="2191" y="45202"/>
                    <a:pt x="12192" y="53965"/>
                    <a:pt x="23717" y="53298"/>
                  </a:cubicBezTo>
                  <a:lnTo>
                    <a:pt x="39243" y="52346"/>
                  </a:lnTo>
                  <a:cubicBezTo>
                    <a:pt x="43815" y="52060"/>
                    <a:pt x="48292" y="53298"/>
                    <a:pt x="52006" y="55965"/>
                  </a:cubicBezTo>
                  <a:lnTo>
                    <a:pt x="81820" y="77682"/>
                  </a:lnTo>
                  <a:cubicBezTo>
                    <a:pt x="89344" y="83207"/>
                    <a:pt x="98203" y="86636"/>
                    <a:pt x="107632" y="87493"/>
                  </a:cubicBezTo>
                  <a:close/>
                </a:path>
              </a:pathLst>
            </a:custGeom>
            <a:solidFill>
              <a:srgbClr val="B9C4D5"/>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11" name="Freeform: Shape 110">
              <a:extLst>
                <a:ext uri="{FF2B5EF4-FFF2-40B4-BE49-F238E27FC236}">
                  <a16:creationId xmlns:a16="http://schemas.microsoft.com/office/drawing/2014/main" id="{37DD9FE1-6AB1-44B6-BAAD-CA99EFBF3D3D}"/>
                </a:ext>
              </a:extLst>
            </p:cNvPr>
            <p:cNvSpPr/>
            <p:nvPr/>
          </p:nvSpPr>
          <p:spPr>
            <a:xfrm>
              <a:off x="-1843139" y="3497753"/>
              <a:ext cx="126979" cy="166798"/>
            </a:xfrm>
            <a:custGeom>
              <a:avLst/>
              <a:gdLst>
                <a:gd name="connsiteX0" fmla="*/ 112204 w 257519"/>
                <a:gd name="connsiteY0" fmla="*/ 46810 h 338274"/>
                <a:gd name="connsiteX1" fmla="*/ 112109 w 257519"/>
                <a:gd name="connsiteY1" fmla="*/ 47096 h 338274"/>
                <a:gd name="connsiteX2" fmla="*/ 97536 w 257519"/>
                <a:gd name="connsiteY2" fmla="*/ 60812 h 338274"/>
                <a:gd name="connsiteX3" fmla="*/ 0 w 257519"/>
                <a:gd name="connsiteY3" fmla="*/ 98054 h 338274"/>
                <a:gd name="connsiteX4" fmla="*/ 0 w 257519"/>
                <a:gd name="connsiteY4" fmla="*/ 98054 h 338274"/>
                <a:gd name="connsiteX5" fmla="*/ 51435 w 257519"/>
                <a:gd name="connsiteY5" fmla="*/ 121200 h 338274"/>
                <a:gd name="connsiteX6" fmla="*/ 62198 w 257519"/>
                <a:gd name="connsiteY6" fmla="*/ 135107 h 338274"/>
                <a:gd name="connsiteX7" fmla="*/ 68294 w 257519"/>
                <a:gd name="connsiteY7" fmla="*/ 170921 h 338274"/>
                <a:gd name="connsiteX8" fmla="*/ 81534 w 257519"/>
                <a:gd name="connsiteY8" fmla="*/ 183875 h 338274"/>
                <a:gd name="connsiteX9" fmla="*/ 88106 w 257519"/>
                <a:gd name="connsiteY9" fmla="*/ 184827 h 338274"/>
                <a:gd name="connsiteX10" fmla="*/ 100108 w 257519"/>
                <a:gd name="connsiteY10" fmla="*/ 181779 h 338274"/>
                <a:gd name="connsiteX11" fmla="*/ 110014 w 257519"/>
                <a:gd name="connsiteY11" fmla="*/ 174159 h 338274"/>
                <a:gd name="connsiteX12" fmla="*/ 127540 w 257519"/>
                <a:gd name="connsiteY12" fmla="*/ 172826 h 338274"/>
                <a:gd name="connsiteX13" fmla="*/ 132969 w 257519"/>
                <a:gd name="connsiteY13" fmla="*/ 175778 h 338274"/>
                <a:gd name="connsiteX14" fmla="*/ 140303 w 257519"/>
                <a:gd name="connsiteY14" fmla="*/ 207116 h 338274"/>
                <a:gd name="connsiteX15" fmla="*/ 129445 w 257519"/>
                <a:gd name="connsiteY15" fmla="*/ 222546 h 338274"/>
                <a:gd name="connsiteX16" fmla="*/ 127635 w 257519"/>
                <a:gd name="connsiteY16" fmla="*/ 236834 h 338274"/>
                <a:gd name="connsiteX17" fmla="*/ 165449 w 257519"/>
                <a:gd name="connsiteY17" fmla="*/ 338275 h 338274"/>
                <a:gd name="connsiteX18" fmla="*/ 170974 w 257519"/>
                <a:gd name="connsiteY18" fmla="*/ 335894 h 338274"/>
                <a:gd name="connsiteX19" fmla="*/ 223266 w 257519"/>
                <a:gd name="connsiteY19" fmla="*/ 290745 h 338274"/>
                <a:gd name="connsiteX20" fmla="*/ 223266 w 257519"/>
                <a:gd name="connsiteY20" fmla="*/ 290745 h 338274"/>
                <a:gd name="connsiteX21" fmla="*/ 257366 w 257519"/>
                <a:gd name="connsiteY21" fmla="*/ 180922 h 338274"/>
                <a:gd name="connsiteX22" fmla="*/ 257366 w 257519"/>
                <a:gd name="connsiteY22" fmla="*/ 180922 h 338274"/>
                <a:gd name="connsiteX23" fmla="*/ 239173 w 257519"/>
                <a:gd name="connsiteY23" fmla="*/ 123296 h 338274"/>
                <a:gd name="connsiteX24" fmla="*/ 240792 w 257519"/>
                <a:gd name="connsiteY24" fmla="*/ 101102 h 338274"/>
                <a:gd name="connsiteX25" fmla="*/ 240792 w 257519"/>
                <a:gd name="connsiteY25" fmla="*/ 101102 h 338274"/>
                <a:gd name="connsiteX26" fmla="*/ 221647 w 257519"/>
                <a:gd name="connsiteY26" fmla="*/ 15854 h 338274"/>
                <a:gd name="connsiteX27" fmla="*/ 197739 w 257519"/>
                <a:gd name="connsiteY27" fmla="*/ 5376 h 338274"/>
                <a:gd name="connsiteX28" fmla="*/ 112204 w 257519"/>
                <a:gd name="connsiteY28" fmla="*/ 46810 h 3382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Lst>
              <a:rect l="l" t="t" r="r" b="b"/>
              <a:pathLst>
                <a:path w="257519" h="338274">
                  <a:moveTo>
                    <a:pt x="112204" y="46810"/>
                  </a:moveTo>
                  <a:lnTo>
                    <a:pt x="112109" y="47096"/>
                  </a:lnTo>
                  <a:cubicBezTo>
                    <a:pt x="110300" y="54049"/>
                    <a:pt x="104680" y="59478"/>
                    <a:pt x="97536" y="60812"/>
                  </a:cubicBezTo>
                  <a:cubicBezTo>
                    <a:pt x="73438" y="65384"/>
                    <a:pt x="18574" y="77766"/>
                    <a:pt x="0" y="98054"/>
                  </a:cubicBezTo>
                  <a:lnTo>
                    <a:pt x="0" y="98054"/>
                  </a:lnTo>
                  <a:lnTo>
                    <a:pt x="51435" y="121200"/>
                  </a:lnTo>
                  <a:cubicBezTo>
                    <a:pt x="57150" y="123772"/>
                    <a:pt x="61150" y="129011"/>
                    <a:pt x="62198" y="135107"/>
                  </a:cubicBezTo>
                  <a:lnTo>
                    <a:pt x="68294" y="170921"/>
                  </a:lnTo>
                  <a:cubicBezTo>
                    <a:pt x="69437" y="177683"/>
                    <a:pt x="74771" y="182922"/>
                    <a:pt x="81534" y="183875"/>
                  </a:cubicBezTo>
                  <a:lnTo>
                    <a:pt x="88106" y="184827"/>
                  </a:lnTo>
                  <a:cubicBezTo>
                    <a:pt x="92393" y="185494"/>
                    <a:pt x="96679" y="184351"/>
                    <a:pt x="100108" y="181779"/>
                  </a:cubicBezTo>
                  <a:lnTo>
                    <a:pt x="110014" y="174159"/>
                  </a:lnTo>
                  <a:cubicBezTo>
                    <a:pt x="115062" y="170254"/>
                    <a:pt x="121920" y="169778"/>
                    <a:pt x="127540" y="172826"/>
                  </a:cubicBezTo>
                  <a:lnTo>
                    <a:pt x="132969" y="175778"/>
                  </a:lnTo>
                  <a:cubicBezTo>
                    <a:pt x="144209" y="181970"/>
                    <a:pt x="147638" y="196543"/>
                    <a:pt x="140303" y="207116"/>
                  </a:cubicBezTo>
                  <a:lnTo>
                    <a:pt x="129445" y="222546"/>
                  </a:lnTo>
                  <a:cubicBezTo>
                    <a:pt x="126492" y="226737"/>
                    <a:pt x="125825" y="232071"/>
                    <a:pt x="127635" y="236834"/>
                  </a:cubicBezTo>
                  <a:lnTo>
                    <a:pt x="165449" y="338275"/>
                  </a:lnTo>
                  <a:lnTo>
                    <a:pt x="170974" y="335894"/>
                  </a:lnTo>
                  <a:cubicBezTo>
                    <a:pt x="192596" y="326464"/>
                    <a:pt x="210788" y="310748"/>
                    <a:pt x="223266" y="290745"/>
                  </a:cubicBezTo>
                  <a:lnTo>
                    <a:pt x="223266" y="290745"/>
                  </a:lnTo>
                  <a:cubicBezTo>
                    <a:pt x="243935" y="257693"/>
                    <a:pt x="255651" y="219879"/>
                    <a:pt x="257366" y="180922"/>
                  </a:cubicBezTo>
                  <a:lnTo>
                    <a:pt x="257366" y="180922"/>
                  </a:lnTo>
                  <a:cubicBezTo>
                    <a:pt x="258985" y="158538"/>
                    <a:pt x="247460" y="136154"/>
                    <a:pt x="239173" y="123296"/>
                  </a:cubicBezTo>
                  <a:cubicBezTo>
                    <a:pt x="234696" y="116342"/>
                    <a:pt x="235363" y="107294"/>
                    <a:pt x="240792" y="101102"/>
                  </a:cubicBezTo>
                  <a:lnTo>
                    <a:pt x="240792" y="101102"/>
                  </a:lnTo>
                  <a:cubicBezTo>
                    <a:pt x="264605" y="73480"/>
                    <a:pt x="254984" y="30713"/>
                    <a:pt x="221647" y="15854"/>
                  </a:cubicBezTo>
                  <a:lnTo>
                    <a:pt x="197739" y="5376"/>
                  </a:lnTo>
                  <a:cubicBezTo>
                    <a:pt x="162592" y="-10245"/>
                    <a:pt x="121729" y="9567"/>
                    <a:pt x="112204" y="46810"/>
                  </a:cubicBez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12" name="Freeform: Shape 111">
              <a:extLst>
                <a:ext uri="{FF2B5EF4-FFF2-40B4-BE49-F238E27FC236}">
                  <a16:creationId xmlns:a16="http://schemas.microsoft.com/office/drawing/2014/main" id="{3189A6A5-1A7C-4699-8772-46980D4F3423}"/>
                </a:ext>
              </a:extLst>
            </p:cNvPr>
            <p:cNvSpPr/>
            <p:nvPr/>
          </p:nvSpPr>
          <p:spPr>
            <a:xfrm>
              <a:off x="-1843092" y="3497745"/>
              <a:ext cx="125263" cy="57843"/>
            </a:xfrm>
            <a:custGeom>
              <a:avLst/>
              <a:gdLst>
                <a:gd name="connsiteX0" fmla="*/ 221552 w 254036"/>
                <a:gd name="connsiteY0" fmla="*/ 16057 h 117308"/>
                <a:gd name="connsiteX1" fmla="*/ 197644 w 254036"/>
                <a:gd name="connsiteY1" fmla="*/ 5389 h 117308"/>
                <a:gd name="connsiteX2" fmla="*/ 112204 w 254036"/>
                <a:gd name="connsiteY2" fmla="*/ 46728 h 117308"/>
                <a:gd name="connsiteX3" fmla="*/ 112109 w 254036"/>
                <a:gd name="connsiteY3" fmla="*/ 47014 h 117308"/>
                <a:gd name="connsiteX4" fmla="*/ 97536 w 254036"/>
                <a:gd name="connsiteY4" fmla="*/ 60730 h 117308"/>
                <a:gd name="connsiteX5" fmla="*/ 0 w 254036"/>
                <a:gd name="connsiteY5" fmla="*/ 97972 h 117308"/>
                <a:gd name="connsiteX6" fmla="*/ 43053 w 254036"/>
                <a:gd name="connsiteY6" fmla="*/ 117308 h 117308"/>
                <a:gd name="connsiteX7" fmla="*/ 43053 w 254036"/>
                <a:gd name="connsiteY7" fmla="*/ 117308 h 117308"/>
                <a:gd name="connsiteX8" fmla="*/ 85249 w 254036"/>
                <a:gd name="connsiteY8" fmla="*/ 89495 h 117308"/>
                <a:gd name="connsiteX9" fmla="*/ 106394 w 254036"/>
                <a:gd name="connsiteY9" fmla="*/ 87400 h 117308"/>
                <a:gd name="connsiteX10" fmla="*/ 137065 w 254036"/>
                <a:gd name="connsiteY10" fmla="*/ 68635 h 117308"/>
                <a:gd name="connsiteX11" fmla="*/ 150209 w 254036"/>
                <a:gd name="connsiteY11" fmla="*/ 48157 h 117308"/>
                <a:gd name="connsiteX12" fmla="*/ 179642 w 254036"/>
                <a:gd name="connsiteY12" fmla="*/ 38536 h 117308"/>
                <a:gd name="connsiteX13" fmla="*/ 254032 w 254036"/>
                <a:gd name="connsiteY13" fmla="*/ 67016 h 117308"/>
                <a:gd name="connsiteX14" fmla="*/ 221552 w 254036"/>
                <a:gd name="connsiteY14" fmla="*/ 16057 h 1173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54036" h="117308">
                  <a:moveTo>
                    <a:pt x="221552" y="16057"/>
                  </a:moveTo>
                  <a:lnTo>
                    <a:pt x="197644" y="5389"/>
                  </a:lnTo>
                  <a:cubicBezTo>
                    <a:pt x="162496" y="-10232"/>
                    <a:pt x="121729" y="9485"/>
                    <a:pt x="112204" y="46728"/>
                  </a:cubicBezTo>
                  <a:lnTo>
                    <a:pt x="112109" y="47014"/>
                  </a:lnTo>
                  <a:cubicBezTo>
                    <a:pt x="110300" y="54062"/>
                    <a:pt x="104680" y="59396"/>
                    <a:pt x="97536" y="60730"/>
                  </a:cubicBezTo>
                  <a:cubicBezTo>
                    <a:pt x="73438" y="65302"/>
                    <a:pt x="18574" y="77684"/>
                    <a:pt x="0" y="97972"/>
                  </a:cubicBezTo>
                  <a:lnTo>
                    <a:pt x="43053" y="117308"/>
                  </a:lnTo>
                  <a:lnTo>
                    <a:pt x="43053" y="117308"/>
                  </a:lnTo>
                  <a:cubicBezTo>
                    <a:pt x="51721" y="101687"/>
                    <a:pt x="67532" y="91305"/>
                    <a:pt x="85249" y="89495"/>
                  </a:cubicBezTo>
                  <a:lnTo>
                    <a:pt x="106394" y="87400"/>
                  </a:lnTo>
                  <a:cubicBezTo>
                    <a:pt x="118967" y="86161"/>
                    <a:pt x="130207" y="79208"/>
                    <a:pt x="137065" y="68635"/>
                  </a:cubicBezTo>
                  <a:lnTo>
                    <a:pt x="150209" y="48157"/>
                  </a:lnTo>
                  <a:cubicBezTo>
                    <a:pt x="156496" y="38346"/>
                    <a:pt x="168783" y="34345"/>
                    <a:pt x="179642" y="38536"/>
                  </a:cubicBezTo>
                  <a:lnTo>
                    <a:pt x="254032" y="67016"/>
                  </a:lnTo>
                  <a:cubicBezTo>
                    <a:pt x="254317" y="46156"/>
                    <a:pt x="242792" y="25487"/>
                    <a:pt x="221552" y="16057"/>
                  </a:cubicBez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13" name="Freeform: Shape 112">
              <a:extLst>
                <a:ext uri="{FF2B5EF4-FFF2-40B4-BE49-F238E27FC236}">
                  <a16:creationId xmlns:a16="http://schemas.microsoft.com/office/drawing/2014/main" id="{308D865A-FBCD-404B-96FE-CD4CDBB42FD6}"/>
                </a:ext>
              </a:extLst>
            </p:cNvPr>
            <p:cNvSpPr/>
            <p:nvPr/>
          </p:nvSpPr>
          <p:spPr>
            <a:xfrm>
              <a:off x="-1775133" y="4103923"/>
              <a:ext cx="76838" cy="179975"/>
            </a:xfrm>
            <a:custGeom>
              <a:avLst/>
              <a:gdLst>
                <a:gd name="connsiteX0" fmla="*/ 114871 w 155829"/>
                <a:gd name="connsiteY0" fmla="*/ 214884 h 364997"/>
                <a:gd name="connsiteX1" fmla="*/ 124777 w 155829"/>
                <a:gd name="connsiteY1" fmla="*/ 335471 h 364997"/>
                <a:gd name="connsiteX2" fmla="*/ 155829 w 155829"/>
                <a:gd name="connsiteY2" fmla="*/ 364998 h 364997"/>
                <a:gd name="connsiteX3" fmla="*/ 155829 w 155829"/>
                <a:gd name="connsiteY3" fmla="*/ 364998 h 364997"/>
                <a:gd name="connsiteX4" fmla="*/ 136493 w 155829"/>
                <a:gd name="connsiteY4" fmla="*/ 179832 h 364997"/>
                <a:gd name="connsiteX5" fmla="*/ 132207 w 155829"/>
                <a:gd name="connsiteY5" fmla="*/ 168402 h 364997"/>
                <a:gd name="connsiteX6" fmla="*/ 125349 w 155829"/>
                <a:gd name="connsiteY6" fmla="*/ 158782 h 364997"/>
                <a:gd name="connsiteX7" fmla="*/ 121920 w 155829"/>
                <a:gd name="connsiteY7" fmla="*/ 149352 h 364997"/>
                <a:gd name="connsiteX8" fmla="*/ 121539 w 155829"/>
                <a:gd name="connsiteY8" fmla="*/ 144589 h 364997"/>
                <a:gd name="connsiteX9" fmla="*/ 124777 w 155829"/>
                <a:gd name="connsiteY9" fmla="*/ 132302 h 364997"/>
                <a:gd name="connsiteX10" fmla="*/ 131540 w 155829"/>
                <a:gd name="connsiteY10" fmla="*/ 122396 h 364997"/>
                <a:gd name="connsiteX11" fmla="*/ 135350 w 155829"/>
                <a:gd name="connsiteY11" fmla="*/ 114681 h 364997"/>
                <a:gd name="connsiteX12" fmla="*/ 149161 w 155829"/>
                <a:gd name="connsiteY12" fmla="*/ 71628 h 364997"/>
                <a:gd name="connsiteX13" fmla="*/ 0 w 155829"/>
                <a:gd name="connsiteY13" fmla="*/ 0 h 364997"/>
                <a:gd name="connsiteX14" fmla="*/ 0 w 155829"/>
                <a:gd name="connsiteY14" fmla="*/ 0 h 364997"/>
                <a:gd name="connsiteX15" fmla="*/ 0 w 155829"/>
                <a:gd name="connsiteY15" fmla="*/ 0 h 364997"/>
                <a:gd name="connsiteX16" fmla="*/ 29718 w 155829"/>
                <a:gd name="connsiteY16" fmla="*/ 111728 h 364997"/>
                <a:gd name="connsiteX17" fmla="*/ 46863 w 155829"/>
                <a:gd name="connsiteY17" fmla="*/ 127254 h 364997"/>
                <a:gd name="connsiteX18" fmla="*/ 60388 w 155829"/>
                <a:gd name="connsiteY18" fmla="*/ 129445 h 364997"/>
                <a:gd name="connsiteX19" fmla="*/ 74486 w 155829"/>
                <a:gd name="connsiteY19" fmla="*/ 142589 h 364997"/>
                <a:gd name="connsiteX20" fmla="*/ 84868 w 155829"/>
                <a:gd name="connsiteY20" fmla="*/ 185833 h 364997"/>
                <a:gd name="connsiteX21" fmla="*/ 103061 w 155829"/>
                <a:gd name="connsiteY21" fmla="*/ 202216 h 364997"/>
                <a:gd name="connsiteX22" fmla="*/ 103061 w 155829"/>
                <a:gd name="connsiteY22" fmla="*/ 202216 h 364997"/>
                <a:gd name="connsiteX23" fmla="*/ 114871 w 155829"/>
                <a:gd name="connsiteY23" fmla="*/ 214884 h 3649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155829" h="364997">
                  <a:moveTo>
                    <a:pt x="114871" y="214884"/>
                  </a:moveTo>
                  <a:lnTo>
                    <a:pt x="124777" y="335471"/>
                  </a:lnTo>
                  <a:cubicBezTo>
                    <a:pt x="126111" y="351758"/>
                    <a:pt x="139446" y="364426"/>
                    <a:pt x="155829" y="364998"/>
                  </a:cubicBezTo>
                  <a:lnTo>
                    <a:pt x="155829" y="364998"/>
                  </a:lnTo>
                  <a:lnTo>
                    <a:pt x="136493" y="179832"/>
                  </a:lnTo>
                  <a:cubicBezTo>
                    <a:pt x="136017" y="175736"/>
                    <a:pt x="134588" y="171831"/>
                    <a:pt x="132207" y="168402"/>
                  </a:cubicBezTo>
                  <a:lnTo>
                    <a:pt x="125349" y="158782"/>
                  </a:lnTo>
                  <a:cubicBezTo>
                    <a:pt x="123349" y="156019"/>
                    <a:pt x="122206" y="152781"/>
                    <a:pt x="121920" y="149352"/>
                  </a:cubicBezTo>
                  <a:lnTo>
                    <a:pt x="121539" y="144589"/>
                  </a:lnTo>
                  <a:cubicBezTo>
                    <a:pt x="121158" y="140208"/>
                    <a:pt x="122301" y="135922"/>
                    <a:pt x="124777" y="132302"/>
                  </a:cubicBezTo>
                  <a:lnTo>
                    <a:pt x="131540" y="122396"/>
                  </a:lnTo>
                  <a:cubicBezTo>
                    <a:pt x="133159" y="120015"/>
                    <a:pt x="134493" y="117443"/>
                    <a:pt x="135350" y="114681"/>
                  </a:cubicBezTo>
                  <a:lnTo>
                    <a:pt x="149161" y="71628"/>
                  </a:lnTo>
                  <a:lnTo>
                    <a:pt x="0" y="0"/>
                  </a:lnTo>
                  <a:lnTo>
                    <a:pt x="0" y="0"/>
                  </a:lnTo>
                  <a:lnTo>
                    <a:pt x="0" y="0"/>
                  </a:lnTo>
                  <a:lnTo>
                    <a:pt x="29718" y="111728"/>
                  </a:lnTo>
                  <a:cubicBezTo>
                    <a:pt x="31909" y="119824"/>
                    <a:pt x="38576" y="125921"/>
                    <a:pt x="46863" y="127254"/>
                  </a:cubicBezTo>
                  <a:lnTo>
                    <a:pt x="60388" y="129445"/>
                  </a:lnTo>
                  <a:cubicBezTo>
                    <a:pt x="67342" y="130588"/>
                    <a:pt x="72866" y="135731"/>
                    <a:pt x="74486" y="142589"/>
                  </a:cubicBezTo>
                  <a:lnTo>
                    <a:pt x="84868" y="185833"/>
                  </a:lnTo>
                  <a:cubicBezTo>
                    <a:pt x="86963" y="194500"/>
                    <a:pt x="94202" y="201073"/>
                    <a:pt x="103061" y="202216"/>
                  </a:cubicBezTo>
                  <a:lnTo>
                    <a:pt x="103061" y="202216"/>
                  </a:lnTo>
                  <a:cubicBezTo>
                    <a:pt x="109347" y="203263"/>
                    <a:pt x="114300" y="208407"/>
                    <a:pt x="114871" y="214884"/>
                  </a:cubicBezTo>
                  <a:close/>
                </a:path>
              </a:pathLst>
            </a:custGeom>
            <a:solidFill>
              <a:srgbClr val="B9C4D5"/>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14" name="Freeform: Shape 113">
              <a:extLst>
                <a:ext uri="{FF2B5EF4-FFF2-40B4-BE49-F238E27FC236}">
                  <a16:creationId xmlns:a16="http://schemas.microsoft.com/office/drawing/2014/main" id="{C67174BA-1B98-4EE0-B4A2-EB29B13FC002}"/>
                </a:ext>
              </a:extLst>
            </p:cNvPr>
            <p:cNvSpPr/>
            <p:nvPr/>
          </p:nvSpPr>
          <p:spPr>
            <a:xfrm>
              <a:off x="-1822334" y="3862233"/>
              <a:ext cx="221399" cy="200124"/>
            </a:xfrm>
            <a:custGeom>
              <a:avLst/>
              <a:gdLst>
                <a:gd name="connsiteX0" fmla="*/ 439103 w 449008"/>
                <a:gd name="connsiteY0" fmla="*/ 29527 h 405860"/>
                <a:gd name="connsiteX1" fmla="*/ 424720 w 449008"/>
                <a:gd name="connsiteY1" fmla="*/ 11335 h 405860"/>
                <a:gd name="connsiteX2" fmla="*/ 390716 w 449008"/>
                <a:gd name="connsiteY2" fmla="*/ 0 h 405860"/>
                <a:gd name="connsiteX3" fmla="*/ 387667 w 449008"/>
                <a:gd name="connsiteY3" fmla="*/ 14002 h 405860"/>
                <a:gd name="connsiteX4" fmla="*/ 367665 w 449008"/>
                <a:gd name="connsiteY4" fmla="*/ 49244 h 405860"/>
                <a:gd name="connsiteX5" fmla="*/ 300800 w 449008"/>
                <a:gd name="connsiteY5" fmla="*/ 75057 h 405860"/>
                <a:gd name="connsiteX6" fmla="*/ 292322 w 449008"/>
                <a:gd name="connsiteY6" fmla="*/ 74962 h 405860"/>
                <a:gd name="connsiteX7" fmla="*/ 164878 w 449008"/>
                <a:gd name="connsiteY7" fmla="*/ 156781 h 405860"/>
                <a:gd name="connsiteX8" fmla="*/ 117539 w 449008"/>
                <a:gd name="connsiteY8" fmla="*/ 171641 h 405860"/>
                <a:gd name="connsiteX9" fmla="*/ 105061 w 449008"/>
                <a:gd name="connsiteY9" fmla="*/ 172117 h 405860"/>
                <a:gd name="connsiteX10" fmla="*/ 77915 w 449008"/>
                <a:gd name="connsiteY10" fmla="*/ 229362 h 405860"/>
                <a:gd name="connsiteX11" fmla="*/ 54673 w 449008"/>
                <a:gd name="connsiteY11" fmla="*/ 254222 h 405860"/>
                <a:gd name="connsiteX12" fmla="*/ 39433 w 449008"/>
                <a:gd name="connsiteY12" fmla="*/ 262795 h 405860"/>
                <a:gd name="connsiteX13" fmla="*/ 0 w 449008"/>
                <a:gd name="connsiteY13" fmla="*/ 331851 h 405860"/>
                <a:gd name="connsiteX14" fmla="*/ 45529 w 449008"/>
                <a:gd name="connsiteY14" fmla="*/ 405860 h 405860"/>
                <a:gd name="connsiteX15" fmla="*/ 45815 w 449008"/>
                <a:gd name="connsiteY15" fmla="*/ 405479 h 405860"/>
                <a:gd name="connsiteX16" fmla="*/ 118872 w 449008"/>
                <a:gd name="connsiteY16" fmla="*/ 290417 h 405860"/>
                <a:gd name="connsiteX17" fmla="*/ 154496 w 449008"/>
                <a:gd name="connsiteY17" fmla="*/ 266700 h 405860"/>
                <a:gd name="connsiteX18" fmla="*/ 182309 w 449008"/>
                <a:gd name="connsiteY18" fmla="*/ 261842 h 405860"/>
                <a:gd name="connsiteX19" fmla="*/ 216122 w 449008"/>
                <a:gd name="connsiteY19" fmla="*/ 240697 h 405860"/>
                <a:gd name="connsiteX20" fmla="*/ 266033 w 449008"/>
                <a:gd name="connsiteY20" fmla="*/ 171736 h 405860"/>
                <a:gd name="connsiteX21" fmla="*/ 303181 w 449008"/>
                <a:gd name="connsiteY21" fmla="*/ 150209 h 405860"/>
                <a:gd name="connsiteX22" fmla="*/ 449009 w 449008"/>
                <a:gd name="connsiteY22" fmla="*/ 134398 h 405860"/>
                <a:gd name="connsiteX23" fmla="*/ 439103 w 449008"/>
                <a:gd name="connsiteY23" fmla="*/ 29527 h 4058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449008" h="405860">
                  <a:moveTo>
                    <a:pt x="439103" y="29527"/>
                  </a:moveTo>
                  <a:cubicBezTo>
                    <a:pt x="438341" y="21146"/>
                    <a:pt x="432625" y="14002"/>
                    <a:pt x="424720" y="11335"/>
                  </a:cubicBezTo>
                  <a:lnTo>
                    <a:pt x="390716" y="0"/>
                  </a:lnTo>
                  <a:lnTo>
                    <a:pt x="387667" y="14002"/>
                  </a:lnTo>
                  <a:cubicBezTo>
                    <a:pt x="384715" y="27527"/>
                    <a:pt x="377666" y="39815"/>
                    <a:pt x="367665" y="49244"/>
                  </a:cubicBezTo>
                  <a:cubicBezTo>
                    <a:pt x="349567" y="66199"/>
                    <a:pt x="325565" y="75438"/>
                    <a:pt x="300800" y="75057"/>
                  </a:cubicBezTo>
                  <a:lnTo>
                    <a:pt x="292322" y="74962"/>
                  </a:lnTo>
                  <a:lnTo>
                    <a:pt x="164878" y="156781"/>
                  </a:lnTo>
                  <a:cubicBezTo>
                    <a:pt x="150686" y="165830"/>
                    <a:pt x="134398" y="170974"/>
                    <a:pt x="117539" y="171641"/>
                  </a:cubicBezTo>
                  <a:lnTo>
                    <a:pt x="105061" y="172117"/>
                  </a:lnTo>
                  <a:lnTo>
                    <a:pt x="77915" y="229362"/>
                  </a:lnTo>
                  <a:cubicBezTo>
                    <a:pt x="72962" y="239840"/>
                    <a:pt x="64865" y="248507"/>
                    <a:pt x="54673" y="254222"/>
                  </a:cubicBezTo>
                  <a:lnTo>
                    <a:pt x="39433" y="262795"/>
                  </a:lnTo>
                  <a:lnTo>
                    <a:pt x="0" y="331851"/>
                  </a:lnTo>
                  <a:lnTo>
                    <a:pt x="45529" y="405860"/>
                  </a:lnTo>
                  <a:cubicBezTo>
                    <a:pt x="45625" y="405765"/>
                    <a:pt x="45720" y="405575"/>
                    <a:pt x="45815" y="405479"/>
                  </a:cubicBezTo>
                  <a:lnTo>
                    <a:pt x="118872" y="290417"/>
                  </a:lnTo>
                  <a:cubicBezTo>
                    <a:pt x="126873" y="277844"/>
                    <a:pt x="139827" y="269177"/>
                    <a:pt x="154496" y="266700"/>
                  </a:cubicBezTo>
                  <a:lnTo>
                    <a:pt x="182309" y="261842"/>
                  </a:lnTo>
                  <a:cubicBezTo>
                    <a:pt x="195929" y="259461"/>
                    <a:pt x="208026" y="251936"/>
                    <a:pt x="216122" y="240697"/>
                  </a:cubicBezTo>
                  <a:lnTo>
                    <a:pt x="266033" y="171736"/>
                  </a:lnTo>
                  <a:cubicBezTo>
                    <a:pt x="274796" y="159639"/>
                    <a:pt x="288322" y="151733"/>
                    <a:pt x="303181" y="150209"/>
                  </a:cubicBezTo>
                  <a:lnTo>
                    <a:pt x="449009" y="134398"/>
                  </a:lnTo>
                  <a:lnTo>
                    <a:pt x="439103" y="29527"/>
                  </a:lnTo>
                  <a:close/>
                </a:path>
              </a:pathLst>
            </a:custGeom>
            <a:solidFill>
              <a:srgbClr val="EBEAE9"/>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15" name="Freeform: Shape 114">
              <a:extLst>
                <a:ext uri="{FF2B5EF4-FFF2-40B4-BE49-F238E27FC236}">
                  <a16:creationId xmlns:a16="http://schemas.microsoft.com/office/drawing/2014/main" id="{8158395C-B063-4CF5-A6E2-BD69A3EECC93}"/>
                </a:ext>
              </a:extLst>
            </p:cNvPr>
            <p:cNvSpPr/>
            <p:nvPr/>
          </p:nvSpPr>
          <p:spPr>
            <a:xfrm>
              <a:off x="-1888698" y="3596973"/>
              <a:ext cx="43869" cy="72749"/>
            </a:xfrm>
            <a:custGeom>
              <a:avLst/>
              <a:gdLst>
                <a:gd name="connsiteX0" fmla="*/ 24291 w 88969"/>
                <a:gd name="connsiteY0" fmla="*/ 652 h 147537"/>
                <a:gd name="connsiteX1" fmla="*/ 16480 w 88969"/>
                <a:gd name="connsiteY1" fmla="*/ 7319 h 147537"/>
                <a:gd name="connsiteX2" fmla="*/ 478 w 88969"/>
                <a:gd name="connsiteY2" fmla="*/ 49610 h 147537"/>
                <a:gd name="connsiteX3" fmla="*/ 11242 w 88969"/>
                <a:gd name="connsiteY3" fmla="*/ 124762 h 147537"/>
                <a:gd name="connsiteX4" fmla="*/ 46770 w 88969"/>
                <a:gd name="connsiteY4" fmla="*/ 145813 h 147537"/>
                <a:gd name="connsiteX5" fmla="*/ 86870 w 88969"/>
                <a:gd name="connsiteY5" fmla="*/ 130763 h 147537"/>
                <a:gd name="connsiteX6" fmla="*/ 87823 w 88969"/>
                <a:gd name="connsiteY6" fmla="*/ 125334 h 147537"/>
                <a:gd name="connsiteX7" fmla="*/ 58676 w 88969"/>
                <a:gd name="connsiteY7" fmla="*/ 101045 h 147537"/>
                <a:gd name="connsiteX8" fmla="*/ 32482 w 88969"/>
                <a:gd name="connsiteY8" fmla="*/ 50372 h 147537"/>
                <a:gd name="connsiteX9" fmla="*/ 28768 w 88969"/>
                <a:gd name="connsiteY9" fmla="*/ 2557 h 147537"/>
                <a:gd name="connsiteX10" fmla="*/ 24291 w 88969"/>
                <a:gd name="connsiteY10" fmla="*/ 652 h 1475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88969" h="147537">
                  <a:moveTo>
                    <a:pt x="24291" y="652"/>
                  </a:moveTo>
                  <a:lnTo>
                    <a:pt x="16480" y="7319"/>
                  </a:lnTo>
                  <a:cubicBezTo>
                    <a:pt x="4193" y="17701"/>
                    <a:pt x="-1808" y="33703"/>
                    <a:pt x="478" y="49610"/>
                  </a:cubicBezTo>
                  <a:lnTo>
                    <a:pt x="11242" y="124762"/>
                  </a:lnTo>
                  <a:cubicBezTo>
                    <a:pt x="13623" y="141526"/>
                    <a:pt x="30958" y="151813"/>
                    <a:pt x="46770" y="145813"/>
                  </a:cubicBezTo>
                  <a:lnTo>
                    <a:pt x="86870" y="130763"/>
                  </a:lnTo>
                  <a:cubicBezTo>
                    <a:pt x="89156" y="129906"/>
                    <a:pt x="89728" y="126858"/>
                    <a:pt x="87823" y="125334"/>
                  </a:cubicBezTo>
                  <a:lnTo>
                    <a:pt x="58676" y="101045"/>
                  </a:lnTo>
                  <a:cubicBezTo>
                    <a:pt x="43436" y="88377"/>
                    <a:pt x="34006" y="70089"/>
                    <a:pt x="32482" y="50372"/>
                  </a:cubicBezTo>
                  <a:lnTo>
                    <a:pt x="28768" y="2557"/>
                  </a:lnTo>
                  <a:cubicBezTo>
                    <a:pt x="28482" y="271"/>
                    <a:pt x="25910" y="-777"/>
                    <a:pt x="24291" y="652"/>
                  </a:cubicBezTo>
                  <a:close/>
                </a:path>
              </a:pathLst>
            </a:custGeom>
            <a:solidFill>
              <a:srgbClr val="EFF1F3"/>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16" name="Freeform: Shape 115">
              <a:extLst>
                <a:ext uri="{FF2B5EF4-FFF2-40B4-BE49-F238E27FC236}">
                  <a16:creationId xmlns:a16="http://schemas.microsoft.com/office/drawing/2014/main" id="{76DED901-80D7-408E-B33E-FC61450B29FD}"/>
                </a:ext>
              </a:extLst>
            </p:cNvPr>
            <p:cNvSpPr/>
            <p:nvPr/>
          </p:nvSpPr>
          <p:spPr>
            <a:xfrm>
              <a:off x="-1876480" y="3581051"/>
              <a:ext cx="84481" cy="20910"/>
            </a:xfrm>
            <a:custGeom>
              <a:avLst/>
              <a:gdLst>
                <a:gd name="connsiteX0" fmla="*/ 5226 w 171330"/>
                <a:gd name="connsiteY0" fmla="*/ 42374 h 42406"/>
                <a:gd name="connsiteX1" fmla="*/ 83 w 171330"/>
                <a:gd name="connsiteY1" fmla="*/ 38564 h 42406"/>
                <a:gd name="connsiteX2" fmla="*/ 3798 w 171330"/>
                <a:gd name="connsiteY2" fmla="*/ 32944 h 42406"/>
                <a:gd name="connsiteX3" fmla="*/ 165627 w 171330"/>
                <a:gd name="connsiteY3" fmla="*/ 83 h 42406"/>
                <a:gd name="connsiteX4" fmla="*/ 171247 w 171330"/>
                <a:gd name="connsiteY4" fmla="*/ 3798 h 42406"/>
                <a:gd name="connsiteX5" fmla="*/ 167532 w 171330"/>
                <a:gd name="connsiteY5" fmla="*/ 9417 h 42406"/>
                <a:gd name="connsiteX6" fmla="*/ 5703 w 171330"/>
                <a:gd name="connsiteY6" fmla="*/ 42374 h 42406"/>
                <a:gd name="connsiteX7" fmla="*/ 5226 w 171330"/>
                <a:gd name="connsiteY7" fmla="*/ 42374 h 4240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1330" h="42406">
                  <a:moveTo>
                    <a:pt x="5226" y="42374"/>
                  </a:moveTo>
                  <a:cubicBezTo>
                    <a:pt x="2845" y="42660"/>
                    <a:pt x="559" y="41040"/>
                    <a:pt x="83" y="38564"/>
                  </a:cubicBezTo>
                  <a:cubicBezTo>
                    <a:pt x="-393" y="35992"/>
                    <a:pt x="1226" y="33516"/>
                    <a:pt x="3798" y="32944"/>
                  </a:cubicBezTo>
                  <a:lnTo>
                    <a:pt x="165627" y="83"/>
                  </a:lnTo>
                  <a:cubicBezTo>
                    <a:pt x="168294" y="-393"/>
                    <a:pt x="170676" y="1226"/>
                    <a:pt x="171247" y="3798"/>
                  </a:cubicBezTo>
                  <a:cubicBezTo>
                    <a:pt x="171723" y="6369"/>
                    <a:pt x="170104" y="8846"/>
                    <a:pt x="167532" y="9417"/>
                  </a:cubicBezTo>
                  <a:lnTo>
                    <a:pt x="5703" y="42374"/>
                  </a:lnTo>
                  <a:cubicBezTo>
                    <a:pt x="5512" y="42374"/>
                    <a:pt x="5322" y="42374"/>
                    <a:pt x="5226" y="42374"/>
                  </a:cubicBezTo>
                  <a:close/>
                </a:path>
              </a:pathLst>
            </a:custGeom>
            <a:solidFill>
              <a:srgbClr val="EFF1F3"/>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17" name="Freeform: Shape 116">
              <a:extLst>
                <a:ext uri="{FF2B5EF4-FFF2-40B4-BE49-F238E27FC236}">
                  <a16:creationId xmlns:a16="http://schemas.microsoft.com/office/drawing/2014/main" id="{891C7243-4B7A-4E03-A90E-AF7C813C57EB}"/>
                </a:ext>
              </a:extLst>
            </p:cNvPr>
            <p:cNvSpPr/>
            <p:nvPr/>
          </p:nvSpPr>
          <p:spPr>
            <a:xfrm>
              <a:off x="-1849294" y="3606311"/>
              <a:ext cx="76278" cy="55139"/>
            </a:xfrm>
            <a:custGeom>
              <a:avLst/>
              <a:gdLst>
                <a:gd name="connsiteX0" fmla="*/ 4766 w 154693"/>
                <a:gd name="connsiteY0" fmla="*/ 111827 h 111827"/>
                <a:gd name="connsiteX1" fmla="*/ 861 w 154693"/>
                <a:gd name="connsiteY1" fmla="*/ 109827 h 111827"/>
                <a:gd name="connsiteX2" fmla="*/ 2004 w 154693"/>
                <a:gd name="connsiteY2" fmla="*/ 103160 h 111827"/>
                <a:gd name="connsiteX3" fmla="*/ 147165 w 154693"/>
                <a:gd name="connsiteY3" fmla="*/ 861 h 111827"/>
                <a:gd name="connsiteX4" fmla="*/ 153833 w 154693"/>
                <a:gd name="connsiteY4" fmla="*/ 2004 h 111827"/>
                <a:gd name="connsiteX5" fmla="*/ 152690 w 154693"/>
                <a:gd name="connsiteY5" fmla="*/ 8672 h 111827"/>
                <a:gd name="connsiteX6" fmla="*/ 7529 w 154693"/>
                <a:gd name="connsiteY6" fmla="*/ 110970 h 111827"/>
                <a:gd name="connsiteX7" fmla="*/ 4766 w 154693"/>
                <a:gd name="connsiteY7" fmla="*/ 111827 h 1118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693" h="111827">
                  <a:moveTo>
                    <a:pt x="4766" y="111827"/>
                  </a:moveTo>
                  <a:cubicBezTo>
                    <a:pt x="3242" y="111827"/>
                    <a:pt x="1813" y="111161"/>
                    <a:pt x="861" y="109827"/>
                  </a:cubicBezTo>
                  <a:cubicBezTo>
                    <a:pt x="-663" y="107636"/>
                    <a:pt x="-91" y="104684"/>
                    <a:pt x="2004" y="103160"/>
                  </a:cubicBezTo>
                  <a:lnTo>
                    <a:pt x="147165" y="861"/>
                  </a:lnTo>
                  <a:cubicBezTo>
                    <a:pt x="149356" y="-663"/>
                    <a:pt x="152309" y="-91"/>
                    <a:pt x="153833" y="2004"/>
                  </a:cubicBezTo>
                  <a:cubicBezTo>
                    <a:pt x="155357" y="4195"/>
                    <a:pt x="154785" y="7148"/>
                    <a:pt x="152690" y="8672"/>
                  </a:cubicBezTo>
                  <a:lnTo>
                    <a:pt x="7529" y="110970"/>
                  </a:lnTo>
                  <a:cubicBezTo>
                    <a:pt x="6671" y="111542"/>
                    <a:pt x="5719" y="111827"/>
                    <a:pt x="4766" y="111827"/>
                  </a:cubicBezTo>
                  <a:close/>
                </a:path>
              </a:pathLst>
            </a:custGeom>
            <a:solidFill>
              <a:srgbClr val="EFF1F3"/>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18" name="Freeform: Shape 117">
              <a:extLst>
                <a:ext uri="{FF2B5EF4-FFF2-40B4-BE49-F238E27FC236}">
                  <a16:creationId xmlns:a16="http://schemas.microsoft.com/office/drawing/2014/main" id="{2B9A7AA2-6DDA-4D16-993A-FC2C994474AF}"/>
                </a:ext>
              </a:extLst>
            </p:cNvPr>
            <p:cNvSpPr/>
            <p:nvPr/>
          </p:nvSpPr>
          <p:spPr>
            <a:xfrm>
              <a:off x="-1420610" y="4598669"/>
              <a:ext cx="75522" cy="36914"/>
            </a:xfrm>
            <a:custGeom>
              <a:avLst/>
              <a:gdLst>
                <a:gd name="connsiteX0" fmla="*/ 13525 w 153161"/>
                <a:gd name="connsiteY0" fmla="*/ 0 h 74866"/>
                <a:gd name="connsiteX1" fmla="*/ 0 w 153161"/>
                <a:gd name="connsiteY1" fmla="*/ 28575 h 74866"/>
                <a:gd name="connsiteX2" fmla="*/ 54769 w 153161"/>
                <a:gd name="connsiteY2" fmla="*/ 74867 h 74866"/>
                <a:gd name="connsiteX3" fmla="*/ 140494 w 153161"/>
                <a:gd name="connsiteY3" fmla="*/ 73152 h 74866"/>
                <a:gd name="connsiteX4" fmla="*/ 153162 w 153161"/>
                <a:gd name="connsiteY4" fmla="*/ 41148 h 74866"/>
                <a:gd name="connsiteX5" fmla="*/ 140208 w 153161"/>
                <a:gd name="connsiteY5" fmla="*/ 9334 h 748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53161" h="74866">
                  <a:moveTo>
                    <a:pt x="13525" y="0"/>
                  </a:moveTo>
                  <a:lnTo>
                    <a:pt x="0" y="28575"/>
                  </a:lnTo>
                  <a:lnTo>
                    <a:pt x="54769" y="74867"/>
                  </a:lnTo>
                  <a:lnTo>
                    <a:pt x="140494" y="73152"/>
                  </a:lnTo>
                  <a:lnTo>
                    <a:pt x="153162" y="41148"/>
                  </a:lnTo>
                  <a:lnTo>
                    <a:pt x="140208" y="9334"/>
                  </a:lnTo>
                  <a:close/>
                </a:path>
              </a:pathLst>
            </a:custGeom>
            <a:solidFill>
              <a:srgbClr val="28A7DE"/>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19" name="Freeform: Shape 118">
              <a:extLst>
                <a:ext uri="{FF2B5EF4-FFF2-40B4-BE49-F238E27FC236}">
                  <a16:creationId xmlns:a16="http://schemas.microsoft.com/office/drawing/2014/main" id="{C832A207-F671-4F7C-8A13-A06A3DFB818F}"/>
                </a:ext>
              </a:extLst>
            </p:cNvPr>
            <p:cNvSpPr/>
            <p:nvPr/>
          </p:nvSpPr>
          <p:spPr>
            <a:xfrm>
              <a:off x="-1466590" y="4322929"/>
              <a:ext cx="66315" cy="284853"/>
            </a:xfrm>
            <a:custGeom>
              <a:avLst/>
              <a:gdLst>
                <a:gd name="connsiteX0" fmla="*/ 0 w 134492"/>
                <a:gd name="connsiteY0" fmla="*/ 0 h 577691"/>
                <a:gd name="connsiteX1" fmla="*/ 40100 w 134492"/>
                <a:gd name="connsiteY1" fmla="*/ 106775 h 577691"/>
                <a:gd name="connsiteX2" fmla="*/ 50959 w 134492"/>
                <a:gd name="connsiteY2" fmla="*/ 149733 h 577691"/>
                <a:gd name="connsiteX3" fmla="*/ 82677 w 134492"/>
                <a:gd name="connsiteY3" fmla="*/ 378238 h 577691"/>
                <a:gd name="connsiteX4" fmla="*/ 81915 w 134492"/>
                <a:gd name="connsiteY4" fmla="*/ 433864 h 577691"/>
                <a:gd name="connsiteX5" fmla="*/ 58483 w 134492"/>
                <a:gd name="connsiteY5" fmla="*/ 574548 h 577691"/>
                <a:gd name="connsiteX6" fmla="*/ 99155 w 134492"/>
                <a:gd name="connsiteY6" fmla="*/ 577691 h 577691"/>
                <a:gd name="connsiteX7" fmla="*/ 123539 w 134492"/>
                <a:gd name="connsiteY7" fmla="*/ 531495 h 577691"/>
                <a:gd name="connsiteX8" fmla="*/ 134493 w 134492"/>
                <a:gd name="connsiteY8" fmla="*/ 327850 h 577691"/>
                <a:gd name="connsiteX9" fmla="*/ 78962 w 134492"/>
                <a:gd name="connsiteY9" fmla="*/ 70390 h 577691"/>
                <a:gd name="connsiteX10" fmla="*/ 0 w 134492"/>
                <a:gd name="connsiteY10" fmla="*/ 0 h 5776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34492" h="577691">
                  <a:moveTo>
                    <a:pt x="0" y="0"/>
                  </a:moveTo>
                  <a:lnTo>
                    <a:pt x="40100" y="106775"/>
                  </a:lnTo>
                  <a:cubicBezTo>
                    <a:pt x="45339" y="120682"/>
                    <a:pt x="48958" y="135065"/>
                    <a:pt x="50959" y="149733"/>
                  </a:cubicBezTo>
                  <a:lnTo>
                    <a:pt x="82677" y="378238"/>
                  </a:lnTo>
                  <a:cubicBezTo>
                    <a:pt x="85249" y="396716"/>
                    <a:pt x="84963" y="415481"/>
                    <a:pt x="81915" y="433864"/>
                  </a:cubicBezTo>
                  <a:lnTo>
                    <a:pt x="58483" y="574548"/>
                  </a:lnTo>
                  <a:lnTo>
                    <a:pt x="99155" y="577691"/>
                  </a:lnTo>
                  <a:lnTo>
                    <a:pt x="123539" y="531495"/>
                  </a:lnTo>
                  <a:lnTo>
                    <a:pt x="134493" y="327850"/>
                  </a:lnTo>
                  <a:lnTo>
                    <a:pt x="78962" y="70390"/>
                  </a:lnTo>
                  <a:lnTo>
                    <a:pt x="0" y="0"/>
                  </a:lnTo>
                  <a:close/>
                </a:path>
              </a:pathLst>
            </a:custGeom>
            <a:solidFill>
              <a:srgbClr val="969892"/>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0" name="Freeform: Shape 119">
              <a:extLst>
                <a:ext uri="{FF2B5EF4-FFF2-40B4-BE49-F238E27FC236}">
                  <a16:creationId xmlns:a16="http://schemas.microsoft.com/office/drawing/2014/main" id="{32693DF3-829E-4901-9E30-900BB0113A2E}"/>
                </a:ext>
              </a:extLst>
            </p:cNvPr>
            <p:cNvSpPr/>
            <p:nvPr/>
          </p:nvSpPr>
          <p:spPr>
            <a:xfrm>
              <a:off x="-1550863" y="4602982"/>
              <a:ext cx="133164" cy="72617"/>
            </a:xfrm>
            <a:custGeom>
              <a:avLst/>
              <a:gdLst>
                <a:gd name="connsiteX0" fmla="*/ 270063 w 270063"/>
                <a:gd name="connsiteY0" fmla="*/ 9731 h 147271"/>
                <a:gd name="connsiteX1" fmla="*/ 232249 w 270063"/>
                <a:gd name="connsiteY1" fmla="*/ 110 h 147271"/>
                <a:gd name="connsiteX2" fmla="*/ 229201 w 270063"/>
                <a:gd name="connsiteY2" fmla="*/ 777 h 147271"/>
                <a:gd name="connsiteX3" fmla="*/ 140809 w 270063"/>
                <a:gd name="connsiteY3" fmla="*/ 72596 h 147271"/>
                <a:gd name="connsiteX4" fmla="*/ 130617 w 270063"/>
                <a:gd name="connsiteY4" fmla="*/ 76596 h 147271"/>
                <a:gd name="connsiteX5" fmla="*/ 29462 w 270063"/>
                <a:gd name="connsiteY5" fmla="*/ 84216 h 147271"/>
                <a:gd name="connsiteX6" fmla="*/ 23080 w 270063"/>
                <a:gd name="connsiteY6" fmla="*/ 88121 h 147271"/>
                <a:gd name="connsiteX7" fmla="*/ 696 w 270063"/>
                <a:gd name="connsiteY7" fmla="*/ 125174 h 147271"/>
                <a:gd name="connsiteX8" fmla="*/ 3363 w 270063"/>
                <a:gd name="connsiteY8" fmla="*/ 132317 h 147271"/>
                <a:gd name="connsiteX9" fmla="*/ 51274 w 270063"/>
                <a:gd name="connsiteY9" fmla="*/ 147272 h 147271"/>
                <a:gd name="connsiteX10" fmla="*/ 173194 w 270063"/>
                <a:gd name="connsiteY10" fmla="*/ 109648 h 147271"/>
                <a:gd name="connsiteX11" fmla="*/ 270063 w 270063"/>
                <a:gd name="connsiteY11" fmla="*/ 9731 h 147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70063" h="147271">
                  <a:moveTo>
                    <a:pt x="270063" y="9731"/>
                  </a:moveTo>
                  <a:lnTo>
                    <a:pt x="232249" y="110"/>
                  </a:lnTo>
                  <a:cubicBezTo>
                    <a:pt x="231201" y="-175"/>
                    <a:pt x="230058" y="110"/>
                    <a:pt x="229201" y="777"/>
                  </a:cubicBezTo>
                  <a:lnTo>
                    <a:pt x="140809" y="72596"/>
                  </a:lnTo>
                  <a:cubicBezTo>
                    <a:pt x="137952" y="74977"/>
                    <a:pt x="134332" y="76310"/>
                    <a:pt x="130617" y="76596"/>
                  </a:cubicBezTo>
                  <a:lnTo>
                    <a:pt x="29462" y="84216"/>
                  </a:lnTo>
                  <a:cubicBezTo>
                    <a:pt x="26795" y="84407"/>
                    <a:pt x="24414" y="85835"/>
                    <a:pt x="23080" y="88121"/>
                  </a:cubicBezTo>
                  <a:lnTo>
                    <a:pt x="696" y="125174"/>
                  </a:lnTo>
                  <a:cubicBezTo>
                    <a:pt x="-923" y="127841"/>
                    <a:pt x="411" y="131365"/>
                    <a:pt x="3363" y="132317"/>
                  </a:cubicBezTo>
                  <a:lnTo>
                    <a:pt x="51274" y="147272"/>
                  </a:lnTo>
                  <a:lnTo>
                    <a:pt x="173194" y="109648"/>
                  </a:lnTo>
                  <a:lnTo>
                    <a:pt x="270063" y="9731"/>
                  </a:ln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1" name="Freeform: Shape 120">
              <a:extLst>
                <a:ext uri="{FF2B5EF4-FFF2-40B4-BE49-F238E27FC236}">
                  <a16:creationId xmlns:a16="http://schemas.microsoft.com/office/drawing/2014/main" id="{56301327-2D5D-4622-AAFF-8AE438BC37D4}"/>
                </a:ext>
              </a:extLst>
            </p:cNvPr>
            <p:cNvSpPr/>
            <p:nvPr/>
          </p:nvSpPr>
          <p:spPr>
            <a:xfrm>
              <a:off x="-1550863" y="4602982"/>
              <a:ext cx="133164" cy="72617"/>
            </a:xfrm>
            <a:custGeom>
              <a:avLst/>
              <a:gdLst>
                <a:gd name="connsiteX0" fmla="*/ 270063 w 270063"/>
                <a:gd name="connsiteY0" fmla="*/ 9731 h 147271"/>
                <a:gd name="connsiteX1" fmla="*/ 232249 w 270063"/>
                <a:gd name="connsiteY1" fmla="*/ 110 h 147271"/>
                <a:gd name="connsiteX2" fmla="*/ 229201 w 270063"/>
                <a:gd name="connsiteY2" fmla="*/ 777 h 147271"/>
                <a:gd name="connsiteX3" fmla="*/ 140809 w 270063"/>
                <a:gd name="connsiteY3" fmla="*/ 72596 h 147271"/>
                <a:gd name="connsiteX4" fmla="*/ 130617 w 270063"/>
                <a:gd name="connsiteY4" fmla="*/ 76596 h 147271"/>
                <a:gd name="connsiteX5" fmla="*/ 29462 w 270063"/>
                <a:gd name="connsiteY5" fmla="*/ 84216 h 147271"/>
                <a:gd name="connsiteX6" fmla="*/ 23080 w 270063"/>
                <a:gd name="connsiteY6" fmla="*/ 88121 h 147271"/>
                <a:gd name="connsiteX7" fmla="*/ 696 w 270063"/>
                <a:gd name="connsiteY7" fmla="*/ 125174 h 147271"/>
                <a:gd name="connsiteX8" fmla="*/ 3363 w 270063"/>
                <a:gd name="connsiteY8" fmla="*/ 132317 h 147271"/>
                <a:gd name="connsiteX9" fmla="*/ 51274 w 270063"/>
                <a:gd name="connsiteY9" fmla="*/ 147272 h 147271"/>
                <a:gd name="connsiteX10" fmla="*/ 173194 w 270063"/>
                <a:gd name="connsiteY10" fmla="*/ 109648 h 147271"/>
                <a:gd name="connsiteX11" fmla="*/ 270063 w 270063"/>
                <a:gd name="connsiteY11" fmla="*/ 9731 h 1472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70063" h="147271">
                  <a:moveTo>
                    <a:pt x="270063" y="9731"/>
                  </a:moveTo>
                  <a:lnTo>
                    <a:pt x="232249" y="110"/>
                  </a:lnTo>
                  <a:cubicBezTo>
                    <a:pt x="231201" y="-175"/>
                    <a:pt x="230058" y="110"/>
                    <a:pt x="229201" y="777"/>
                  </a:cubicBezTo>
                  <a:lnTo>
                    <a:pt x="140809" y="72596"/>
                  </a:lnTo>
                  <a:cubicBezTo>
                    <a:pt x="137952" y="74977"/>
                    <a:pt x="134332" y="76310"/>
                    <a:pt x="130617" y="76596"/>
                  </a:cubicBezTo>
                  <a:lnTo>
                    <a:pt x="29462" y="84216"/>
                  </a:lnTo>
                  <a:cubicBezTo>
                    <a:pt x="26795" y="84407"/>
                    <a:pt x="24414" y="85835"/>
                    <a:pt x="23080" y="88121"/>
                  </a:cubicBezTo>
                  <a:lnTo>
                    <a:pt x="696" y="125174"/>
                  </a:lnTo>
                  <a:cubicBezTo>
                    <a:pt x="-923" y="127841"/>
                    <a:pt x="411" y="131365"/>
                    <a:pt x="3363" y="132317"/>
                  </a:cubicBezTo>
                  <a:lnTo>
                    <a:pt x="51274" y="147272"/>
                  </a:lnTo>
                  <a:lnTo>
                    <a:pt x="173194" y="109648"/>
                  </a:lnTo>
                  <a:lnTo>
                    <a:pt x="270063" y="9731"/>
                  </a:ln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2" name="Freeform: Shape 121">
              <a:extLst>
                <a:ext uri="{FF2B5EF4-FFF2-40B4-BE49-F238E27FC236}">
                  <a16:creationId xmlns:a16="http://schemas.microsoft.com/office/drawing/2014/main" id="{AB4F7A21-6158-48DB-832A-C0458F4A0DD0}"/>
                </a:ext>
              </a:extLst>
            </p:cNvPr>
            <p:cNvSpPr/>
            <p:nvPr/>
          </p:nvSpPr>
          <p:spPr>
            <a:xfrm>
              <a:off x="-1527802" y="4607780"/>
              <a:ext cx="193893" cy="72422"/>
            </a:xfrm>
            <a:custGeom>
              <a:avLst/>
              <a:gdLst>
                <a:gd name="connsiteX0" fmla="*/ 390836 w 393223"/>
                <a:gd name="connsiteY0" fmla="*/ 146875 h 146875"/>
                <a:gd name="connsiteX1" fmla="*/ 40030 w 393223"/>
                <a:gd name="connsiteY1" fmla="*/ 146875 h 146875"/>
                <a:gd name="connsiteX2" fmla="*/ 5264 w 393223"/>
                <a:gd name="connsiteY2" fmla="*/ 137636 h 146875"/>
                <a:gd name="connsiteX3" fmla="*/ 692 w 393223"/>
                <a:gd name="connsiteY3" fmla="*/ 127730 h 146875"/>
                <a:gd name="connsiteX4" fmla="*/ 16313 w 393223"/>
                <a:gd name="connsiteY4" fmla="*/ 95345 h 146875"/>
                <a:gd name="connsiteX5" fmla="*/ 27457 w 393223"/>
                <a:gd name="connsiteY5" fmla="*/ 88106 h 146875"/>
                <a:gd name="connsiteX6" fmla="*/ 99371 w 393223"/>
                <a:gd name="connsiteY6" fmla="*/ 86011 h 146875"/>
                <a:gd name="connsiteX7" fmla="*/ 114992 w 393223"/>
                <a:gd name="connsiteY7" fmla="*/ 80581 h 146875"/>
                <a:gd name="connsiteX8" fmla="*/ 223291 w 393223"/>
                <a:gd name="connsiteY8" fmla="*/ 0 h 146875"/>
                <a:gd name="connsiteX9" fmla="*/ 274345 w 393223"/>
                <a:gd name="connsiteY9" fmla="*/ 36481 h 146875"/>
                <a:gd name="connsiteX10" fmla="*/ 278727 w 393223"/>
                <a:gd name="connsiteY10" fmla="*/ 38195 h 146875"/>
                <a:gd name="connsiteX11" fmla="*/ 328828 w 393223"/>
                <a:gd name="connsiteY11" fmla="*/ 44291 h 146875"/>
                <a:gd name="connsiteX12" fmla="*/ 334639 w 393223"/>
                <a:gd name="connsiteY12" fmla="*/ 43148 h 146875"/>
                <a:gd name="connsiteX13" fmla="*/ 370643 w 393223"/>
                <a:gd name="connsiteY13" fmla="*/ 22765 h 146875"/>
                <a:gd name="connsiteX14" fmla="*/ 390550 w 393223"/>
                <a:gd name="connsiteY14" fmla="*/ 50863 h 146875"/>
                <a:gd name="connsiteX15" fmla="*/ 393217 w 393223"/>
                <a:gd name="connsiteY15" fmla="*/ 59531 h 146875"/>
                <a:gd name="connsiteX16" fmla="*/ 391026 w 393223"/>
                <a:gd name="connsiteY16" fmla="*/ 146590 h 146875"/>
                <a:gd name="connsiteX17" fmla="*/ 390836 w 393223"/>
                <a:gd name="connsiteY17" fmla="*/ 146875 h 1468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93223" h="146875">
                  <a:moveTo>
                    <a:pt x="390836" y="146875"/>
                  </a:moveTo>
                  <a:lnTo>
                    <a:pt x="40030" y="146875"/>
                  </a:lnTo>
                  <a:lnTo>
                    <a:pt x="5264" y="137636"/>
                  </a:lnTo>
                  <a:cubicBezTo>
                    <a:pt x="978" y="136493"/>
                    <a:pt x="-1213" y="131731"/>
                    <a:pt x="692" y="127730"/>
                  </a:cubicBezTo>
                  <a:lnTo>
                    <a:pt x="16313" y="95345"/>
                  </a:lnTo>
                  <a:cubicBezTo>
                    <a:pt x="18409" y="91059"/>
                    <a:pt x="22695" y="88297"/>
                    <a:pt x="27457" y="88106"/>
                  </a:cubicBezTo>
                  <a:lnTo>
                    <a:pt x="99371" y="86011"/>
                  </a:lnTo>
                  <a:cubicBezTo>
                    <a:pt x="104991" y="85820"/>
                    <a:pt x="110515" y="83915"/>
                    <a:pt x="114992" y="80581"/>
                  </a:cubicBezTo>
                  <a:lnTo>
                    <a:pt x="223291" y="0"/>
                  </a:lnTo>
                  <a:lnTo>
                    <a:pt x="274345" y="36481"/>
                  </a:lnTo>
                  <a:cubicBezTo>
                    <a:pt x="275584" y="37433"/>
                    <a:pt x="277108" y="38005"/>
                    <a:pt x="278727" y="38195"/>
                  </a:cubicBezTo>
                  <a:lnTo>
                    <a:pt x="328828" y="44291"/>
                  </a:lnTo>
                  <a:cubicBezTo>
                    <a:pt x="330829" y="44577"/>
                    <a:pt x="332829" y="44101"/>
                    <a:pt x="334639" y="43148"/>
                  </a:cubicBezTo>
                  <a:lnTo>
                    <a:pt x="370643" y="22765"/>
                  </a:lnTo>
                  <a:lnTo>
                    <a:pt x="390550" y="50863"/>
                  </a:lnTo>
                  <a:cubicBezTo>
                    <a:pt x="392360" y="53435"/>
                    <a:pt x="393313" y="56483"/>
                    <a:pt x="393217" y="59531"/>
                  </a:cubicBezTo>
                  <a:lnTo>
                    <a:pt x="391026" y="146590"/>
                  </a:lnTo>
                  <a:cubicBezTo>
                    <a:pt x="390931" y="146590"/>
                    <a:pt x="390836" y="146780"/>
                    <a:pt x="390836" y="146875"/>
                  </a:cubicBez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3" name="Freeform: Shape 122">
              <a:extLst>
                <a:ext uri="{FF2B5EF4-FFF2-40B4-BE49-F238E27FC236}">
                  <a16:creationId xmlns:a16="http://schemas.microsoft.com/office/drawing/2014/main" id="{432914D5-588E-47D1-A0C8-DD5BB2C55470}"/>
                </a:ext>
              </a:extLst>
            </p:cNvPr>
            <p:cNvSpPr/>
            <p:nvPr/>
          </p:nvSpPr>
          <p:spPr>
            <a:xfrm>
              <a:off x="-1537746" y="4035210"/>
              <a:ext cx="195295" cy="579896"/>
            </a:xfrm>
            <a:custGeom>
              <a:avLst/>
              <a:gdLst>
                <a:gd name="connsiteX0" fmla="*/ 0 w 396068"/>
                <a:gd name="connsiteY0" fmla="*/ 92107 h 1176051"/>
                <a:gd name="connsiteX1" fmla="*/ 857 w 396068"/>
                <a:gd name="connsiteY1" fmla="*/ 135826 h 1176051"/>
                <a:gd name="connsiteX2" fmla="*/ 7048 w 396068"/>
                <a:gd name="connsiteY2" fmla="*/ 159067 h 1176051"/>
                <a:gd name="connsiteX3" fmla="*/ 27527 w 396068"/>
                <a:gd name="connsiteY3" fmla="*/ 196215 h 1176051"/>
                <a:gd name="connsiteX4" fmla="*/ 31623 w 396068"/>
                <a:gd name="connsiteY4" fmla="*/ 206502 h 1176051"/>
                <a:gd name="connsiteX5" fmla="*/ 130778 w 396068"/>
                <a:gd name="connsiteY5" fmla="*/ 585692 h 1176051"/>
                <a:gd name="connsiteX6" fmla="*/ 142018 w 396068"/>
                <a:gd name="connsiteY6" fmla="*/ 606266 h 1176051"/>
                <a:gd name="connsiteX7" fmla="*/ 186500 w 396068"/>
                <a:gd name="connsiteY7" fmla="*/ 654558 h 1176051"/>
                <a:gd name="connsiteX8" fmla="*/ 199263 w 396068"/>
                <a:gd name="connsiteY8" fmla="*/ 679895 h 1176051"/>
                <a:gd name="connsiteX9" fmla="*/ 255937 w 396068"/>
                <a:gd name="connsiteY9" fmla="*/ 979932 h 1176051"/>
                <a:gd name="connsiteX10" fmla="*/ 257270 w 396068"/>
                <a:gd name="connsiteY10" fmla="*/ 1003173 h 1176051"/>
                <a:gd name="connsiteX11" fmla="*/ 246221 w 396068"/>
                <a:gd name="connsiteY11" fmla="*/ 1155573 h 1176051"/>
                <a:gd name="connsiteX12" fmla="*/ 387667 w 396068"/>
                <a:gd name="connsiteY12" fmla="*/ 1176052 h 1176051"/>
                <a:gd name="connsiteX13" fmla="*/ 396049 w 396068"/>
                <a:gd name="connsiteY13" fmla="*/ 741617 h 1176051"/>
                <a:gd name="connsiteX14" fmla="*/ 392430 w 396068"/>
                <a:gd name="connsiteY14" fmla="*/ 719423 h 1176051"/>
                <a:gd name="connsiteX15" fmla="*/ 335471 w 396068"/>
                <a:gd name="connsiteY15" fmla="*/ 558070 h 1176051"/>
                <a:gd name="connsiteX16" fmla="*/ 331184 w 396068"/>
                <a:gd name="connsiteY16" fmla="*/ 534543 h 1176051"/>
                <a:gd name="connsiteX17" fmla="*/ 325279 w 396068"/>
                <a:gd name="connsiteY17" fmla="*/ 280702 h 1176051"/>
                <a:gd name="connsiteX18" fmla="*/ 330422 w 396068"/>
                <a:gd name="connsiteY18" fmla="*/ 254413 h 1176051"/>
                <a:gd name="connsiteX19" fmla="*/ 374142 w 396068"/>
                <a:gd name="connsiteY19" fmla="*/ 153829 h 1176051"/>
                <a:gd name="connsiteX20" fmla="*/ 378142 w 396068"/>
                <a:gd name="connsiteY20" fmla="*/ 130778 h 1176051"/>
                <a:gd name="connsiteX21" fmla="*/ 373571 w 396068"/>
                <a:gd name="connsiteY21" fmla="*/ 65056 h 1176051"/>
                <a:gd name="connsiteX22" fmla="*/ 314992 w 396068"/>
                <a:gd name="connsiteY22" fmla="*/ 0 h 1176051"/>
                <a:gd name="connsiteX23" fmla="*/ 138589 w 396068"/>
                <a:gd name="connsiteY23" fmla="*/ 5810 h 1176051"/>
                <a:gd name="connsiteX24" fmla="*/ 50959 w 396068"/>
                <a:gd name="connsiteY24" fmla="*/ 64579 h 1176051"/>
                <a:gd name="connsiteX25" fmla="*/ 0 w 396068"/>
                <a:gd name="connsiteY25" fmla="*/ 92107 h 117605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396068" h="1176051">
                  <a:moveTo>
                    <a:pt x="0" y="92107"/>
                  </a:moveTo>
                  <a:lnTo>
                    <a:pt x="857" y="135826"/>
                  </a:lnTo>
                  <a:cubicBezTo>
                    <a:pt x="1048" y="143923"/>
                    <a:pt x="3143" y="151924"/>
                    <a:pt x="7048" y="159067"/>
                  </a:cubicBezTo>
                  <a:lnTo>
                    <a:pt x="27527" y="196215"/>
                  </a:lnTo>
                  <a:cubicBezTo>
                    <a:pt x="29337" y="199454"/>
                    <a:pt x="30671" y="202883"/>
                    <a:pt x="31623" y="206502"/>
                  </a:cubicBezTo>
                  <a:lnTo>
                    <a:pt x="130778" y="585692"/>
                  </a:lnTo>
                  <a:cubicBezTo>
                    <a:pt x="132779" y="593408"/>
                    <a:pt x="136684" y="600456"/>
                    <a:pt x="142018" y="606266"/>
                  </a:cubicBezTo>
                  <a:lnTo>
                    <a:pt x="186500" y="654558"/>
                  </a:lnTo>
                  <a:cubicBezTo>
                    <a:pt x="193072" y="661606"/>
                    <a:pt x="197453" y="670465"/>
                    <a:pt x="199263" y="679895"/>
                  </a:cubicBezTo>
                  <a:lnTo>
                    <a:pt x="255937" y="979932"/>
                  </a:lnTo>
                  <a:cubicBezTo>
                    <a:pt x="257365" y="987552"/>
                    <a:pt x="257842" y="995363"/>
                    <a:pt x="257270" y="1003173"/>
                  </a:cubicBezTo>
                  <a:lnTo>
                    <a:pt x="246221" y="1155573"/>
                  </a:lnTo>
                  <a:lnTo>
                    <a:pt x="387667" y="1176052"/>
                  </a:lnTo>
                  <a:lnTo>
                    <a:pt x="396049" y="741617"/>
                  </a:lnTo>
                  <a:cubicBezTo>
                    <a:pt x="396240" y="734092"/>
                    <a:pt x="395002" y="726567"/>
                    <a:pt x="392430" y="719423"/>
                  </a:cubicBezTo>
                  <a:lnTo>
                    <a:pt x="335471" y="558070"/>
                  </a:lnTo>
                  <a:cubicBezTo>
                    <a:pt x="332804" y="550545"/>
                    <a:pt x="331375" y="542544"/>
                    <a:pt x="331184" y="534543"/>
                  </a:cubicBezTo>
                  <a:lnTo>
                    <a:pt x="325279" y="280702"/>
                  </a:lnTo>
                  <a:cubicBezTo>
                    <a:pt x="325088" y="271653"/>
                    <a:pt x="326803" y="262700"/>
                    <a:pt x="330422" y="254413"/>
                  </a:cubicBezTo>
                  <a:lnTo>
                    <a:pt x="374142" y="153829"/>
                  </a:lnTo>
                  <a:cubicBezTo>
                    <a:pt x="377285" y="146590"/>
                    <a:pt x="378619" y="138684"/>
                    <a:pt x="378142" y="130778"/>
                  </a:cubicBezTo>
                  <a:lnTo>
                    <a:pt x="373571" y="65056"/>
                  </a:lnTo>
                  <a:lnTo>
                    <a:pt x="314992" y="0"/>
                  </a:lnTo>
                  <a:lnTo>
                    <a:pt x="138589" y="5810"/>
                  </a:lnTo>
                  <a:lnTo>
                    <a:pt x="50959" y="64579"/>
                  </a:lnTo>
                  <a:lnTo>
                    <a:pt x="0" y="92107"/>
                  </a:lnTo>
                  <a:close/>
                </a:path>
              </a:pathLst>
            </a:custGeom>
            <a:solidFill>
              <a:srgbClr val="A4A5A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4" name="Freeform: Shape 123">
              <a:extLst>
                <a:ext uri="{FF2B5EF4-FFF2-40B4-BE49-F238E27FC236}">
                  <a16:creationId xmlns:a16="http://schemas.microsoft.com/office/drawing/2014/main" id="{E8B1317E-6D63-4E18-B9D1-76CE577F0F1B}"/>
                </a:ext>
              </a:extLst>
            </p:cNvPr>
            <p:cNvSpPr/>
            <p:nvPr/>
          </p:nvSpPr>
          <p:spPr>
            <a:xfrm>
              <a:off x="-1537840" y="4029011"/>
              <a:ext cx="184202" cy="582384"/>
            </a:xfrm>
            <a:custGeom>
              <a:avLst/>
              <a:gdLst>
                <a:gd name="connsiteX0" fmla="*/ 163544 w 373570"/>
                <a:gd name="connsiteY0" fmla="*/ 463677 h 1181099"/>
                <a:gd name="connsiteX1" fmla="*/ 173831 w 373570"/>
                <a:gd name="connsiteY1" fmla="*/ 517589 h 1181099"/>
                <a:gd name="connsiteX2" fmla="*/ 185738 w 373570"/>
                <a:gd name="connsiteY2" fmla="*/ 533590 h 1181099"/>
                <a:gd name="connsiteX3" fmla="*/ 234029 w 373570"/>
                <a:gd name="connsiteY3" fmla="*/ 558832 h 1181099"/>
                <a:gd name="connsiteX4" fmla="*/ 247650 w 373570"/>
                <a:gd name="connsiteY4" fmla="*/ 573786 h 1181099"/>
                <a:gd name="connsiteX5" fmla="*/ 306896 w 373570"/>
                <a:gd name="connsiteY5" fmla="*/ 719899 h 1181099"/>
                <a:gd name="connsiteX6" fmla="*/ 309848 w 373570"/>
                <a:gd name="connsiteY6" fmla="*/ 734282 h 1181099"/>
                <a:gd name="connsiteX7" fmla="*/ 316516 w 373570"/>
                <a:gd name="connsiteY7" fmla="*/ 1051179 h 1181099"/>
                <a:gd name="connsiteX8" fmla="*/ 312420 w 373570"/>
                <a:gd name="connsiteY8" fmla="*/ 1060037 h 1181099"/>
                <a:gd name="connsiteX9" fmla="*/ 276034 w 373570"/>
                <a:gd name="connsiteY9" fmla="*/ 1090136 h 1181099"/>
                <a:gd name="connsiteX10" fmla="*/ 277654 w 373570"/>
                <a:gd name="connsiteY10" fmla="*/ 1108520 h 1181099"/>
                <a:gd name="connsiteX11" fmla="*/ 323374 w 373570"/>
                <a:gd name="connsiteY11" fmla="*/ 1134713 h 1181099"/>
                <a:gd name="connsiteX12" fmla="*/ 328898 w 373570"/>
                <a:gd name="connsiteY12" fmla="*/ 1142810 h 1181099"/>
                <a:gd name="connsiteX13" fmla="*/ 334613 w 373570"/>
                <a:gd name="connsiteY13" fmla="*/ 1181100 h 1181099"/>
                <a:gd name="connsiteX14" fmla="*/ 246221 w 373570"/>
                <a:gd name="connsiteY14" fmla="*/ 1168241 h 1181099"/>
                <a:gd name="connsiteX15" fmla="*/ 257366 w 373570"/>
                <a:gd name="connsiteY15" fmla="*/ 1014794 h 1181099"/>
                <a:gd name="connsiteX16" fmla="*/ 256127 w 373570"/>
                <a:gd name="connsiteY16" fmla="*/ 993553 h 1181099"/>
                <a:gd name="connsiteX17" fmla="*/ 198882 w 373570"/>
                <a:gd name="connsiteY17" fmla="*/ 690277 h 1181099"/>
                <a:gd name="connsiteX18" fmla="*/ 188024 w 373570"/>
                <a:gd name="connsiteY18" fmla="*/ 668750 h 1181099"/>
                <a:gd name="connsiteX19" fmla="*/ 140779 w 373570"/>
                <a:gd name="connsiteY19" fmla="*/ 617411 h 1181099"/>
                <a:gd name="connsiteX20" fmla="*/ 131350 w 373570"/>
                <a:gd name="connsiteY20" fmla="*/ 600075 h 1181099"/>
                <a:gd name="connsiteX21" fmla="*/ 31433 w 373570"/>
                <a:gd name="connsiteY21" fmla="*/ 218123 h 1181099"/>
                <a:gd name="connsiteX22" fmla="*/ 28004 w 373570"/>
                <a:gd name="connsiteY22" fmla="*/ 209645 h 1181099"/>
                <a:gd name="connsiteX23" fmla="*/ 6096 w 373570"/>
                <a:gd name="connsiteY23" fmla="*/ 169926 h 1181099"/>
                <a:gd name="connsiteX24" fmla="*/ 857 w 373570"/>
                <a:gd name="connsiteY24" fmla="*/ 150304 h 1181099"/>
                <a:gd name="connsiteX25" fmla="*/ 0 w 373570"/>
                <a:gd name="connsiteY25" fmla="*/ 104680 h 1181099"/>
                <a:gd name="connsiteX26" fmla="*/ 50863 w 373570"/>
                <a:gd name="connsiteY26" fmla="*/ 77152 h 1181099"/>
                <a:gd name="connsiteX27" fmla="*/ 154400 w 373570"/>
                <a:gd name="connsiteY27" fmla="*/ 0 h 1181099"/>
                <a:gd name="connsiteX28" fmla="*/ 332327 w 373570"/>
                <a:gd name="connsiteY28" fmla="*/ 952 h 1181099"/>
                <a:gd name="connsiteX29" fmla="*/ 373570 w 373570"/>
                <a:gd name="connsiteY29" fmla="*/ 77724 h 1181099"/>
                <a:gd name="connsiteX30" fmla="*/ 183261 w 373570"/>
                <a:gd name="connsiteY30" fmla="*/ 364617 h 1181099"/>
                <a:gd name="connsiteX31" fmla="*/ 163544 w 373570"/>
                <a:gd name="connsiteY31" fmla="*/ 463677 h 11810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373570" h="1181099">
                  <a:moveTo>
                    <a:pt x="163544" y="463677"/>
                  </a:moveTo>
                  <a:lnTo>
                    <a:pt x="173831" y="517589"/>
                  </a:lnTo>
                  <a:cubicBezTo>
                    <a:pt x="175165" y="524447"/>
                    <a:pt x="179546" y="530352"/>
                    <a:pt x="185738" y="533590"/>
                  </a:cubicBezTo>
                  <a:lnTo>
                    <a:pt x="234029" y="558832"/>
                  </a:lnTo>
                  <a:cubicBezTo>
                    <a:pt x="240221" y="562070"/>
                    <a:pt x="244983" y="567404"/>
                    <a:pt x="247650" y="573786"/>
                  </a:cubicBezTo>
                  <a:lnTo>
                    <a:pt x="306896" y="719899"/>
                  </a:lnTo>
                  <a:cubicBezTo>
                    <a:pt x="308800" y="724472"/>
                    <a:pt x="309753" y="729329"/>
                    <a:pt x="309848" y="734282"/>
                  </a:cubicBezTo>
                  <a:lnTo>
                    <a:pt x="316516" y="1051179"/>
                  </a:lnTo>
                  <a:cubicBezTo>
                    <a:pt x="316611" y="1054608"/>
                    <a:pt x="315087" y="1057847"/>
                    <a:pt x="312420" y="1060037"/>
                  </a:cubicBezTo>
                  <a:lnTo>
                    <a:pt x="276034" y="1090136"/>
                  </a:lnTo>
                  <a:cubicBezTo>
                    <a:pt x="270034" y="1095089"/>
                    <a:pt x="270796" y="1104614"/>
                    <a:pt x="277654" y="1108520"/>
                  </a:cubicBezTo>
                  <a:lnTo>
                    <a:pt x="323374" y="1134713"/>
                  </a:lnTo>
                  <a:cubicBezTo>
                    <a:pt x="326326" y="1136428"/>
                    <a:pt x="328422" y="1139381"/>
                    <a:pt x="328898" y="1142810"/>
                  </a:cubicBezTo>
                  <a:lnTo>
                    <a:pt x="334613" y="1181100"/>
                  </a:lnTo>
                  <a:lnTo>
                    <a:pt x="246221" y="1168241"/>
                  </a:lnTo>
                  <a:lnTo>
                    <a:pt x="257366" y="1014794"/>
                  </a:lnTo>
                  <a:cubicBezTo>
                    <a:pt x="257842" y="1007745"/>
                    <a:pt x="257461" y="1000601"/>
                    <a:pt x="256127" y="993553"/>
                  </a:cubicBezTo>
                  <a:lnTo>
                    <a:pt x="198882" y="690277"/>
                  </a:lnTo>
                  <a:cubicBezTo>
                    <a:pt x="197358" y="682276"/>
                    <a:pt x="193643" y="674751"/>
                    <a:pt x="188024" y="668750"/>
                  </a:cubicBezTo>
                  <a:lnTo>
                    <a:pt x="140779" y="617411"/>
                  </a:lnTo>
                  <a:cubicBezTo>
                    <a:pt x="136303" y="612457"/>
                    <a:pt x="132969" y="606552"/>
                    <a:pt x="131350" y="600075"/>
                  </a:cubicBezTo>
                  <a:lnTo>
                    <a:pt x="31433" y="218123"/>
                  </a:lnTo>
                  <a:cubicBezTo>
                    <a:pt x="30671" y="215170"/>
                    <a:pt x="29528" y="212312"/>
                    <a:pt x="28004" y="209645"/>
                  </a:cubicBezTo>
                  <a:lnTo>
                    <a:pt x="6096" y="169926"/>
                  </a:lnTo>
                  <a:cubicBezTo>
                    <a:pt x="2762" y="163925"/>
                    <a:pt x="953" y="157162"/>
                    <a:pt x="857" y="150304"/>
                  </a:cubicBezTo>
                  <a:lnTo>
                    <a:pt x="0" y="104680"/>
                  </a:lnTo>
                  <a:lnTo>
                    <a:pt x="50863" y="77152"/>
                  </a:lnTo>
                  <a:lnTo>
                    <a:pt x="154400" y="0"/>
                  </a:lnTo>
                  <a:lnTo>
                    <a:pt x="332327" y="952"/>
                  </a:lnTo>
                  <a:lnTo>
                    <a:pt x="373570" y="77724"/>
                  </a:lnTo>
                  <a:lnTo>
                    <a:pt x="183261" y="364617"/>
                  </a:lnTo>
                  <a:cubicBezTo>
                    <a:pt x="164116" y="393668"/>
                    <a:pt x="156972" y="429292"/>
                    <a:pt x="163544" y="463677"/>
                  </a:cubicBezTo>
                  <a:close/>
                </a:path>
              </a:pathLst>
            </a:custGeom>
            <a:solidFill>
              <a:srgbClr val="EBEAE9"/>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5" name="Freeform: Shape 124">
              <a:extLst>
                <a:ext uri="{FF2B5EF4-FFF2-40B4-BE49-F238E27FC236}">
                  <a16:creationId xmlns:a16="http://schemas.microsoft.com/office/drawing/2014/main" id="{248EA3DE-E22E-476A-84CE-ECC3762ACD09}"/>
                </a:ext>
              </a:extLst>
            </p:cNvPr>
            <p:cNvSpPr/>
            <p:nvPr/>
          </p:nvSpPr>
          <p:spPr>
            <a:xfrm>
              <a:off x="-1527802" y="4607780"/>
              <a:ext cx="193893" cy="72422"/>
            </a:xfrm>
            <a:custGeom>
              <a:avLst/>
              <a:gdLst>
                <a:gd name="connsiteX0" fmla="*/ 390836 w 393223"/>
                <a:gd name="connsiteY0" fmla="*/ 146875 h 146875"/>
                <a:gd name="connsiteX1" fmla="*/ 40030 w 393223"/>
                <a:gd name="connsiteY1" fmla="*/ 146875 h 146875"/>
                <a:gd name="connsiteX2" fmla="*/ 5264 w 393223"/>
                <a:gd name="connsiteY2" fmla="*/ 137636 h 146875"/>
                <a:gd name="connsiteX3" fmla="*/ 692 w 393223"/>
                <a:gd name="connsiteY3" fmla="*/ 127730 h 146875"/>
                <a:gd name="connsiteX4" fmla="*/ 16313 w 393223"/>
                <a:gd name="connsiteY4" fmla="*/ 95345 h 146875"/>
                <a:gd name="connsiteX5" fmla="*/ 27457 w 393223"/>
                <a:gd name="connsiteY5" fmla="*/ 88106 h 146875"/>
                <a:gd name="connsiteX6" fmla="*/ 99371 w 393223"/>
                <a:gd name="connsiteY6" fmla="*/ 86011 h 146875"/>
                <a:gd name="connsiteX7" fmla="*/ 114992 w 393223"/>
                <a:gd name="connsiteY7" fmla="*/ 80581 h 146875"/>
                <a:gd name="connsiteX8" fmla="*/ 223291 w 393223"/>
                <a:gd name="connsiteY8" fmla="*/ 0 h 146875"/>
                <a:gd name="connsiteX9" fmla="*/ 274345 w 393223"/>
                <a:gd name="connsiteY9" fmla="*/ 36481 h 146875"/>
                <a:gd name="connsiteX10" fmla="*/ 278727 w 393223"/>
                <a:gd name="connsiteY10" fmla="*/ 38195 h 146875"/>
                <a:gd name="connsiteX11" fmla="*/ 328828 w 393223"/>
                <a:gd name="connsiteY11" fmla="*/ 44291 h 146875"/>
                <a:gd name="connsiteX12" fmla="*/ 334639 w 393223"/>
                <a:gd name="connsiteY12" fmla="*/ 43148 h 146875"/>
                <a:gd name="connsiteX13" fmla="*/ 370643 w 393223"/>
                <a:gd name="connsiteY13" fmla="*/ 22765 h 146875"/>
                <a:gd name="connsiteX14" fmla="*/ 390550 w 393223"/>
                <a:gd name="connsiteY14" fmla="*/ 50863 h 146875"/>
                <a:gd name="connsiteX15" fmla="*/ 393217 w 393223"/>
                <a:gd name="connsiteY15" fmla="*/ 59531 h 146875"/>
                <a:gd name="connsiteX16" fmla="*/ 391026 w 393223"/>
                <a:gd name="connsiteY16" fmla="*/ 146590 h 146875"/>
                <a:gd name="connsiteX17" fmla="*/ 390836 w 393223"/>
                <a:gd name="connsiteY17" fmla="*/ 146875 h 1468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93223" h="146875">
                  <a:moveTo>
                    <a:pt x="390836" y="146875"/>
                  </a:moveTo>
                  <a:lnTo>
                    <a:pt x="40030" y="146875"/>
                  </a:lnTo>
                  <a:lnTo>
                    <a:pt x="5264" y="137636"/>
                  </a:lnTo>
                  <a:cubicBezTo>
                    <a:pt x="978" y="136493"/>
                    <a:pt x="-1213" y="131731"/>
                    <a:pt x="692" y="127730"/>
                  </a:cubicBezTo>
                  <a:lnTo>
                    <a:pt x="16313" y="95345"/>
                  </a:lnTo>
                  <a:cubicBezTo>
                    <a:pt x="18409" y="91059"/>
                    <a:pt x="22695" y="88297"/>
                    <a:pt x="27457" y="88106"/>
                  </a:cubicBezTo>
                  <a:lnTo>
                    <a:pt x="99371" y="86011"/>
                  </a:lnTo>
                  <a:cubicBezTo>
                    <a:pt x="104991" y="85820"/>
                    <a:pt x="110515" y="83915"/>
                    <a:pt x="114992" y="80581"/>
                  </a:cubicBezTo>
                  <a:lnTo>
                    <a:pt x="223291" y="0"/>
                  </a:lnTo>
                  <a:lnTo>
                    <a:pt x="274345" y="36481"/>
                  </a:lnTo>
                  <a:cubicBezTo>
                    <a:pt x="275584" y="37433"/>
                    <a:pt x="277108" y="38005"/>
                    <a:pt x="278727" y="38195"/>
                  </a:cubicBezTo>
                  <a:lnTo>
                    <a:pt x="328828" y="44291"/>
                  </a:lnTo>
                  <a:cubicBezTo>
                    <a:pt x="330829" y="44577"/>
                    <a:pt x="332829" y="44101"/>
                    <a:pt x="334639" y="43148"/>
                  </a:cubicBezTo>
                  <a:lnTo>
                    <a:pt x="370643" y="22765"/>
                  </a:lnTo>
                  <a:lnTo>
                    <a:pt x="390550" y="50863"/>
                  </a:lnTo>
                  <a:cubicBezTo>
                    <a:pt x="392360" y="53435"/>
                    <a:pt x="393313" y="56483"/>
                    <a:pt x="393217" y="59531"/>
                  </a:cubicBezTo>
                  <a:lnTo>
                    <a:pt x="391026" y="146590"/>
                  </a:lnTo>
                  <a:cubicBezTo>
                    <a:pt x="390931" y="146590"/>
                    <a:pt x="390836" y="146780"/>
                    <a:pt x="390836" y="146875"/>
                  </a:cubicBezTo>
                  <a:close/>
                </a:path>
              </a:pathLst>
            </a:custGeom>
            <a:solidFill>
              <a:srgbClr val="B9C4D5"/>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6" name="Freeform: Shape 125">
              <a:extLst>
                <a:ext uri="{FF2B5EF4-FFF2-40B4-BE49-F238E27FC236}">
                  <a16:creationId xmlns:a16="http://schemas.microsoft.com/office/drawing/2014/main" id="{734FDE3C-9095-453B-A0EB-D429FBC23F23}"/>
                </a:ext>
              </a:extLst>
            </p:cNvPr>
            <p:cNvSpPr/>
            <p:nvPr/>
          </p:nvSpPr>
          <p:spPr>
            <a:xfrm>
              <a:off x="-1604455" y="3885763"/>
              <a:ext cx="80517" cy="37078"/>
            </a:xfrm>
            <a:custGeom>
              <a:avLst/>
              <a:gdLst>
                <a:gd name="connsiteX0" fmla="*/ 33751 w 163291"/>
                <a:gd name="connsiteY0" fmla="*/ 0 h 75195"/>
                <a:gd name="connsiteX1" fmla="*/ 4509 w 163291"/>
                <a:gd name="connsiteY1" fmla="*/ 4191 h 75195"/>
                <a:gd name="connsiteX2" fmla="*/ 985 w 163291"/>
                <a:gd name="connsiteY2" fmla="*/ 12382 h 75195"/>
                <a:gd name="connsiteX3" fmla="*/ 35370 w 163291"/>
                <a:gd name="connsiteY3" fmla="*/ 60103 h 75195"/>
                <a:gd name="connsiteX4" fmla="*/ 71470 w 163291"/>
                <a:gd name="connsiteY4" fmla="*/ 74581 h 75195"/>
                <a:gd name="connsiteX5" fmla="*/ 147099 w 163291"/>
                <a:gd name="connsiteY5" fmla="*/ 60484 h 75195"/>
                <a:gd name="connsiteX6" fmla="*/ 163291 w 163291"/>
                <a:gd name="connsiteY6" fmla="*/ 12954 h 75195"/>
                <a:gd name="connsiteX7" fmla="*/ 33751 w 163291"/>
                <a:gd name="connsiteY7" fmla="*/ 0 h 751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3291" h="75195">
                  <a:moveTo>
                    <a:pt x="33751" y="0"/>
                  </a:moveTo>
                  <a:lnTo>
                    <a:pt x="4509" y="4191"/>
                  </a:lnTo>
                  <a:cubicBezTo>
                    <a:pt x="604" y="4763"/>
                    <a:pt x="-1301" y="9239"/>
                    <a:pt x="985" y="12382"/>
                  </a:cubicBezTo>
                  <a:lnTo>
                    <a:pt x="35370" y="60103"/>
                  </a:lnTo>
                  <a:cubicBezTo>
                    <a:pt x="43562" y="71533"/>
                    <a:pt x="57659" y="77152"/>
                    <a:pt x="71470" y="74581"/>
                  </a:cubicBezTo>
                  <a:lnTo>
                    <a:pt x="147099" y="60484"/>
                  </a:lnTo>
                  <a:lnTo>
                    <a:pt x="163291" y="12954"/>
                  </a:lnTo>
                  <a:lnTo>
                    <a:pt x="33751" y="0"/>
                  </a:lnTo>
                  <a:close/>
                </a:path>
              </a:pathLst>
            </a:custGeom>
            <a:solidFill>
              <a:srgbClr val="43AAE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7" name="Freeform: Shape 126">
              <a:extLst>
                <a:ext uri="{FF2B5EF4-FFF2-40B4-BE49-F238E27FC236}">
                  <a16:creationId xmlns:a16="http://schemas.microsoft.com/office/drawing/2014/main" id="{270B1AED-F0A1-4D95-B0D0-3C795123936E}"/>
                </a:ext>
              </a:extLst>
            </p:cNvPr>
            <p:cNvSpPr/>
            <p:nvPr/>
          </p:nvSpPr>
          <p:spPr>
            <a:xfrm>
              <a:off x="-1604455" y="3885763"/>
              <a:ext cx="80517" cy="37078"/>
            </a:xfrm>
            <a:custGeom>
              <a:avLst/>
              <a:gdLst>
                <a:gd name="connsiteX0" fmla="*/ 33751 w 163291"/>
                <a:gd name="connsiteY0" fmla="*/ 0 h 75195"/>
                <a:gd name="connsiteX1" fmla="*/ 4509 w 163291"/>
                <a:gd name="connsiteY1" fmla="*/ 4191 h 75195"/>
                <a:gd name="connsiteX2" fmla="*/ 985 w 163291"/>
                <a:gd name="connsiteY2" fmla="*/ 12382 h 75195"/>
                <a:gd name="connsiteX3" fmla="*/ 35370 w 163291"/>
                <a:gd name="connsiteY3" fmla="*/ 60103 h 75195"/>
                <a:gd name="connsiteX4" fmla="*/ 71470 w 163291"/>
                <a:gd name="connsiteY4" fmla="*/ 74581 h 75195"/>
                <a:gd name="connsiteX5" fmla="*/ 147099 w 163291"/>
                <a:gd name="connsiteY5" fmla="*/ 60484 h 75195"/>
                <a:gd name="connsiteX6" fmla="*/ 163291 w 163291"/>
                <a:gd name="connsiteY6" fmla="*/ 12954 h 75195"/>
                <a:gd name="connsiteX7" fmla="*/ 33751 w 163291"/>
                <a:gd name="connsiteY7" fmla="*/ 0 h 751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3291" h="75195">
                  <a:moveTo>
                    <a:pt x="33751" y="0"/>
                  </a:moveTo>
                  <a:lnTo>
                    <a:pt x="4509" y="4191"/>
                  </a:lnTo>
                  <a:cubicBezTo>
                    <a:pt x="604" y="4763"/>
                    <a:pt x="-1301" y="9239"/>
                    <a:pt x="985" y="12382"/>
                  </a:cubicBezTo>
                  <a:lnTo>
                    <a:pt x="35370" y="60103"/>
                  </a:lnTo>
                  <a:cubicBezTo>
                    <a:pt x="43562" y="71533"/>
                    <a:pt x="57659" y="77152"/>
                    <a:pt x="71470" y="74581"/>
                  </a:cubicBezTo>
                  <a:lnTo>
                    <a:pt x="147099" y="60484"/>
                  </a:lnTo>
                  <a:lnTo>
                    <a:pt x="163291" y="12954"/>
                  </a:lnTo>
                  <a:lnTo>
                    <a:pt x="33751" y="0"/>
                  </a:lnTo>
                  <a:close/>
                </a:path>
              </a:pathLst>
            </a:custGeom>
            <a:solidFill>
              <a:srgbClr val="B9C4D5"/>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8" name="Freeform: Shape 127">
              <a:extLst>
                <a:ext uri="{FF2B5EF4-FFF2-40B4-BE49-F238E27FC236}">
                  <a16:creationId xmlns:a16="http://schemas.microsoft.com/office/drawing/2014/main" id="{DCBFA122-9E2D-4971-A998-C36D55D6313F}"/>
                </a:ext>
              </a:extLst>
            </p:cNvPr>
            <p:cNvSpPr/>
            <p:nvPr/>
          </p:nvSpPr>
          <p:spPr>
            <a:xfrm>
              <a:off x="-1651344" y="3849674"/>
              <a:ext cx="55172" cy="23829"/>
            </a:xfrm>
            <a:custGeom>
              <a:avLst/>
              <a:gdLst>
                <a:gd name="connsiteX0" fmla="*/ 111892 w 111892"/>
                <a:gd name="connsiteY0" fmla="*/ 24706 h 48328"/>
                <a:gd name="connsiteX1" fmla="*/ 9784 w 111892"/>
                <a:gd name="connsiteY1" fmla="*/ 132 h 48328"/>
                <a:gd name="connsiteX2" fmla="*/ 4545 w 111892"/>
                <a:gd name="connsiteY2" fmla="*/ 3180 h 48328"/>
                <a:gd name="connsiteX3" fmla="*/ 164 w 111892"/>
                <a:gd name="connsiteY3" fmla="*/ 18325 h 48328"/>
                <a:gd name="connsiteX4" fmla="*/ 3307 w 111892"/>
                <a:gd name="connsiteY4" fmla="*/ 23849 h 48328"/>
                <a:gd name="connsiteX5" fmla="*/ 100177 w 111892"/>
                <a:gd name="connsiteY5" fmla="*/ 48328 h 48328"/>
                <a:gd name="connsiteX6" fmla="*/ 111892 w 111892"/>
                <a:gd name="connsiteY6" fmla="*/ 24706 h 483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1892" h="48328">
                  <a:moveTo>
                    <a:pt x="111892" y="24706"/>
                  </a:moveTo>
                  <a:lnTo>
                    <a:pt x="9784" y="132"/>
                  </a:lnTo>
                  <a:cubicBezTo>
                    <a:pt x="7498" y="-440"/>
                    <a:pt x="5212" y="894"/>
                    <a:pt x="4545" y="3180"/>
                  </a:cubicBezTo>
                  <a:lnTo>
                    <a:pt x="164" y="18325"/>
                  </a:lnTo>
                  <a:cubicBezTo>
                    <a:pt x="-503" y="20706"/>
                    <a:pt x="926" y="23183"/>
                    <a:pt x="3307" y="23849"/>
                  </a:cubicBezTo>
                  <a:lnTo>
                    <a:pt x="100177" y="48328"/>
                  </a:lnTo>
                  <a:lnTo>
                    <a:pt x="111892" y="24706"/>
                  </a:lnTo>
                  <a:close/>
                </a:path>
              </a:pathLst>
            </a:custGeom>
            <a:solidFill>
              <a:srgbClr val="FFE50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29" name="Freeform: Shape 128">
              <a:extLst>
                <a:ext uri="{FF2B5EF4-FFF2-40B4-BE49-F238E27FC236}">
                  <a16:creationId xmlns:a16="http://schemas.microsoft.com/office/drawing/2014/main" id="{C3FBDD07-E88C-4395-BC11-96822FDF34AF}"/>
                </a:ext>
              </a:extLst>
            </p:cNvPr>
            <p:cNvSpPr/>
            <p:nvPr/>
          </p:nvSpPr>
          <p:spPr>
            <a:xfrm>
              <a:off x="-1620453" y="3834015"/>
              <a:ext cx="82943" cy="69314"/>
            </a:xfrm>
            <a:custGeom>
              <a:avLst/>
              <a:gdLst>
                <a:gd name="connsiteX0" fmla="*/ 168211 w 168211"/>
                <a:gd name="connsiteY0" fmla="*/ 29797 h 140572"/>
                <a:gd name="connsiteX1" fmla="*/ 112490 w 168211"/>
                <a:gd name="connsiteY1" fmla="*/ 1317 h 140572"/>
                <a:gd name="connsiteX2" fmla="*/ 103727 w 168211"/>
                <a:gd name="connsiteY2" fmla="*/ 555 h 140572"/>
                <a:gd name="connsiteX3" fmla="*/ 53530 w 168211"/>
                <a:gd name="connsiteY3" fmla="*/ 16652 h 140572"/>
                <a:gd name="connsiteX4" fmla="*/ 48006 w 168211"/>
                <a:gd name="connsiteY4" fmla="*/ 24558 h 140572"/>
                <a:gd name="connsiteX5" fmla="*/ 48863 w 168211"/>
                <a:gd name="connsiteY5" fmla="*/ 45513 h 140572"/>
                <a:gd name="connsiteX6" fmla="*/ 3524 w 168211"/>
                <a:gd name="connsiteY6" fmla="*/ 71040 h 140572"/>
                <a:gd name="connsiteX7" fmla="*/ 1143 w 168211"/>
                <a:gd name="connsiteY7" fmla="*/ 80946 h 140572"/>
                <a:gd name="connsiteX8" fmla="*/ 7620 w 168211"/>
                <a:gd name="connsiteY8" fmla="*/ 90566 h 140572"/>
                <a:gd name="connsiteX9" fmla="*/ 14192 w 168211"/>
                <a:gd name="connsiteY9" fmla="*/ 93614 h 140572"/>
                <a:gd name="connsiteX10" fmla="*/ 40291 w 168211"/>
                <a:gd name="connsiteY10" fmla="*/ 90471 h 140572"/>
                <a:gd name="connsiteX11" fmla="*/ 49435 w 168211"/>
                <a:gd name="connsiteY11" fmla="*/ 93614 h 140572"/>
                <a:gd name="connsiteX12" fmla="*/ 94678 w 168211"/>
                <a:gd name="connsiteY12" fmla="*/ 137906 h 140572"/>
                <a:gd name="connsiteX13" fmla="*/ 101251 w 168211"/>
                <a:gd name="connsiteY13" fmla="*/ 140573 h 140572"/>
                <a:gd name="connsiteX14" fmla="*/ 158972 w 168211"/>
                <a:gd name="connsiteY14" fmla="*/ 139525 h 140572"/>
                <a:gd name="connsiteX15" fmla="*/ 168211 w 168211"/>
                <a:gd name="connsiteY15" fmla="*/ 29797 h 1405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68211" h="140572">
                  <a:moveTo>
                    <a:pt x="168211" y="29797"/>
                  </a:moveTo>
                  <a:lnTo>
                    <a:pt x="112490" y="1317"/>
                  </a:lnTo>
                  <a:cubicBezTo>
                    <a:pt x="109823" y="-112"/>
                    <a:pt x="106680" y="-397"/>
                    <a:pt x="103727" y="555"/>
                  </a:cubicBezTo>
                  <a:lnTo>
                    <a:pt x="53530" y="16652"/>
                  </a:lnTo>
                  <a:cubicBezTo>
                    <a:pt x="50101" y="17795"/>
                    <a:pt x="47815" y="21034"/>
                    <a:pt x="48006" y="24558"/>
                  </a:cubicBezTo>
                  <a:lnTo>
                    <a:pt x="48863" y="45513"/>
                  </a:lnTo>
                  <a:lnTo>
                    <a:pt x="3524" y="71040"/>
                  </a:lnTo>
                  <a:cubicBezTo>
                    <a:pt x="0" y="73040"/>
                    <a:pt x="-1048" y="77612"/>
                    <a:pt x="1143" y="80946"/>
                  </a:cubicBezTo>
                  <a:lnTo>
                    <a:pt x="7620" y="90566"/>
                  </a:lnTo>
                  <a:cubicBezTo>
                    <a:pt x="9049" y="92757"/>
                    <a:pt x="11620" y="93900"/>
                    <a:pt x="14192" y="93614"/>
                  </a:cubicBezTo>
                  <a:lnTo>
                    <a:pt x="40291" y="90471"/>
                  </a:lnTo>
                  <a:cubicBezTo>
                    <a:pt x="43624" y="90090"/>
                    <a:pt x="47053" y="91233"/>
                    <a:pt x="49435" y="93614"/>
                  </a:cubicBezTo>
                  <a:lnTo>
                    <a:pt x="94678" y="137906"/>
                  </a:lnTo>
                  <a:cubicBezTo>
                    <a:pt x="96488" y="139620"/>
                    <a:pt x="98869" y="140573"/>
                    <a:pt x="101251" y="140573"/>
                  </a:cubicBezTo>
                  <a:lnTo>
                    <a:pt x="158972" y="139525"/>
                  </a:lnTo>
                  <a:lnTo>
                    <a:pt x="168211" y="29797"/>
                  </a:lnTo>
                  <a:close/>
                </a:path>
              </a:pathLst>
            </a:custGeom>
            <a:solidFill>
              <a:srgbClr val="43AAE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0" name="Freeform: Shape 129">
              <a:extLst>
                <a:ext uri="{FF2B5EF4-FFF2-40B4-BE49-F238E27FC236}">
                  <a16:creationId xmlns:a16="http://schemas.microsoft.com/office/drawing/2014/main" id="{1702DBEA-4F02-4F1D-B6E9-A476A4E76180}"/>
                </a:ext>
              </a:extLst>
            </p:cNvPr>
            <p:cNvSpPr/>
            <p:nvPr/>
          </p:nvSpPr>
          <p:spPr>
            <a:xfrm>
              <a:off x="-1500454" y="3550657"/>
              <a:ext cx="101965" cy="97268"/>
            </a:xfrm>
            <a:custGeom>
              <a:avLst/>
              <a:gdLst>
                <a:gd name="connsiteX0" fmla="*/ 206788 w 206787"/>
                <a:gd name="connsiteY0" fmla="*/ 160496 h 197262"/>
                <a:gd name="connsiteX1" fmla="*/ 172688 w 206787"/>
                <a:gd name="connsiteY1" fmla="*/ 99346 h 197262"/>
                <a:gd name="connsiteX2" fmla="*/ 171450 w 206787"/>
                <a:gd name="connsiteY2" fmla="*/ 91154 h 197262"/>
                <a:gd name="connsiteX3" fmla="*/ 183166 w 206787"/>
                <a:gd name="connsiteY3" fmla="*/ 33623 h 197262"/>
                <a:gd name="connsiteX4" fmla="*/ 36576 w 206787"/>
                <a:gd name="connsiteY4" fmla="*/ 0 h 197262"/>
                <a:gd name="connsiteX5" fmla="*/ 2953 w 206787"/>
                <a:gd name="connsiteY5" fmla="*/ 20765 h 197262"/>
                <a:gd name="connsiteX6" fmla="*/ 8953 w 206787"/>
                <a:gd name="connsiteY6" fmla="*/ 46482 h 197262"/>
                <a:gd name="connsiteX7" fmla="*/ 0 w 206787"/>
                <a:gd name="connsiteY7" fmla="*/ 60960 h 197262"/>
                <a:gd name="connsiteX8" fmla="*/ 22574 w 206787"/>
                <a:gd name="connsiteY8" fmla="*/ 101251 h 197262"/>
                <a:gd name="connsiteX9" fmla="*/ 67913 w 206787"/>
                <a:gd name="connsiteY9" fmla="*/ 111824 h 197262"/>
                <a:gd name="connsiteX10" fmla="*/ 84582 w 206787"/>
                <a:gd name="connsiteY10" fmla="*/ 197263 h 197262"/>
                <a:gd name="connsiteX11" fmla="*/ 161353 w 206787"/>
                <a:gd name="connsiteY11" fmla="*/ 161163 h 197262"/>
                <a:gd name="connsiteX12" fmla="*/ 206788 w 206787"/>
                <a:gd name="connsiteY12" fmla="*/ 160496 h 1972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06787" h="197262">
                  <a:moveTo>
                    <a:pt x="206788" y="160496"/>
                  </a:moveTo>
                  <a:lnTo>
                    <a:pt x="172688" y="99346"/>
                  </a:lnTo>
                  <a:cubicBezTo>
                    <a:pt x="171259" y="96869"/>
                    <a:pt x="170878" y="93917"/>
                    <a:pt x="171450" y="91154"/>
                  </a:cubicBezTo>
                  <a:lnTo>
                    <a:pt x="183166" y="33623"/>
                  </a:lnTo>
                  <a:lnTo>
                    <a:pt x="36576" y="0"/>
                  </a:lnTo>
                  <a:lnTo>
                    <a:pt x="2953" y="20765"/>
                  </a:lnTo>
                  <a:lnTo>
                    <a:pt x="8953" y="46482"/>
                  </a:lnTo>
                  <a:lnTo>
                    <a:pt x="0" y="60960"/>
                  </a:lnTo>
                  <a:lnTo>
                    <a:pt x="22574" y="101251"/>
                  </a:lnTo>
                  <a:lnTo>
                    <a:pt x="67913" y="111824"/>
                  </a:lnTo>
                  <a:lnTo>
                    <a:pt x="84582" y="197263"/>
                  </a:lnTo>
                  <a:lnTo>
                    <a:pt x="161353" y="161163"/>
                  </a:lnTo>
                  <a:lnTo>
                    <a:pt x="206788" y="160496"/>
                  </a:lnTo>
                  <a:close/>
                </a:path>
              </a:pathLst>
            </a:custGeom>
            <a:solidFill>
              <a:srgbClr val="43AAE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1" name="Freeform: Shape 130">
              <a:extLst>
                <a:ext uri="{FF2B5EF4-FFF2-40B4-BE49-F238E27FC236}">
                  <a16:creationId xmlns:a16="http://schemas.microsoft.com/office/drawing/2014/main" id="{A549B6B4-0285-4F7B-BD07-7494914941D5}"/>
                </a:ext>
              </a:extLst>
            </p:cNvPr>
            <p:cNvSpPr/>
            <p:nvPr/>
          </p:nvSpPr>
          <p:spPr>
            <a:xfrm>
              <a:off x="-1471006" y="3555542"/>
              <a:ext cx="72470" cy="92337"/>
            </a:xfrm>
            <a:custGeom>
              <a:avLst/>
              <a:gdLst>
                <a:gd name="connsiteX0" fmla="*/ 20098 w 146970"/>
                <a:gd name="connsiteY0" fmla="*/ 0 h 187261"/>
                <a:gd name="connsiteX1" fmla="*/ 123349 w 146970"/>
                <a:gd name="connsiteY1" fmla="*/ 23717 h 187261"/>
                <a:gd name="connsiteX2" fmla="*/ 111633 w 146970"/>
                <a:gd name="connsiteY2" fmla="*/ 81248 h 187261"/>
                <a:gd name="connsiteX3" fmla="*/ 112871 w 146970"/>
                <a:gd name="connsiteY3" fmla="*/ 89440 h 187261"/>
                <a:gd name="connsiteX4" fmla="*/ 146971 w 146970"/>
                <a:gd name="connsiteY4" fmla="*/ 150590 h 187261"/>
                <a:gd name="connsiteX5" fmla="*/ 101537 w 146970"/>
                <a:gd name="connsiteY5" fmla="*/ 151067 h 187261"/>
                <a:gd name="connsiteX6" fmla="*/ 24860 w 146970"/>
                <a:gd name="connsiteY6" fmla="*/ 187262 h 187261"/>
                <a:gd name="connsiteX7" fmla="*/ 8192 w 146970"/>
                <a:gd name="connsiteY7" fmla="*/ 101822 h 187261"/>
                <a:gd name="connsiteX8" fmla="*/ 0 w 146970"/>
                <a:gd name="connsiteY8" fmla="*/ 99917 h 187261"/>
                <a:gd name="connsiteX9" fmla="*/ 20098 w 146970"/>
                <a:gd name="connsiteY9" fmla="*/ 0 h 1872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46970" h="187261">
                  <a:moveTo>
                    <a:pt x="20098" y="0"/>
                  </a:moveTo>
                  <a:lnTo>
                    <a:pt x="123349" y="23717"/>
                  </a:lnTo>
                  <a:lnTo>
                    <a:pt x="111633" y="81248"/>
                  </a:lnTo>
                  <a:cubicBezTo>
                    <a:pt x="111062" y="84011"/>
                    <a:pt x="111538" y="86963"/>
                    <a:pt x="112871" y="89440"/>
                  </a:cubicBezTo>
                  <a:lnTo>
                    <a:pt x="146971" y="150590"/>
                  </a:lnTo>
                  <a:lnTo>
                    <a:pt x="101537" y="151067"/>
                  </a:lnTo>
                  <a:lnTo>
                    <a:pt x="24860" y="187262"/>
                  </a:lnTo>
                  <a:lnTo>
                    <a:pt x="8192" y="101822"/>
                  </a:lnTo>
                  <a:lnTo>
                    <a:pt x="0" y="99917"/>
                  </a:lnTo>
                  <a:lnTo>
                    <a:pt x="20098" y="0"/>
                  </a:lnTo>
                  <a:close/>
                </a:path>
              </a:pathLst>
            </a:custGeom>
            <a:solidFill>
              <a:srgbClr val="B9C4D5"/>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2" name="Freeform: Shape 131">
              <a:extLst>
                <a:ext uri="{FF2B5EF4-FFF2-40B4-BE49-F238E27FC236}">
                  <a16:creationId xmlns:a16="http://schemas.microsoft.com/office/drawing/2014/main" id="{2CA3A9B8-3CF1-4B07-AE51-188AE72B5CEA}"/>
                </a:ext>
              </a:extLst>
            </p:cNvPr>
            <p:cNvSpPr/>
            <p:nvPr/>
          </p:nvSpPr>
          <p:spPr>
            <a:xfrm>
              <a:off x="-1441040" y="3593536"/>
              <a:ext cx="42504" cy="36869"/>
            </a:xfrm>
            <a:custGeom>
              <a:avLst/>
              <a:gdLst>
                <a:gd name="connsiteX0" fmla="*/ 50863 w 86201"/>
                <a:gd name="connsiteY0" fmla="*/ 4191 h 74771"/>
                <a:gd name="connsiteX1" fmla="*/ 52102 w 86201"/>
                <a:gd name="connsiteY1" fmla="*/ 12382 h 74771"/>
                <a:gd name="connsiteX2" fmla="*/ 86201 w 86201"/>
                <a:gd name="connsiteY2" fmla="*/ 73533 h 74771"/>
                <a:gd name="connsiteX3" fmla="*/ 40767 w 86201"/>
                <a:gd name="connsiteY3" fmla="*/ 74009 h 74771"/>
                <a:gd name="connsiteX4" fmla="*/ 39243 w 86201"/>
                <a:gd name="connsiteY4" fmla="*/ 74771 h 74771"/>
                <a:gd name="connsiteX5" fmla="*/ 0 w 86201"/>
                <a:gd name="connsiteY5" fmla="*/ 762 h 74771"/>
                <a:gd name="connsiteX6" fmla="*/ 51721 w 86201"/>
                <a:gd name="connsiteY6" fmla="*/ 0 h 74771"/>
                <a:gd name="connsiteX7" fmla="*/ 50863 w 86201"/>
                <a:gd name="connsiteY7" fmla="*/ 4191 h 7477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6201" h="74771">
                  <a:moveTo>
                    <a:pt x="50863" y="4191"/>
                  </a:moveTo>
                  <a:cubicBezTo>
                    <a:pt x="50292" y="6953"/>
                    <a:pt x="50768" y="9906"/>
                    <a:pt x="52102" y="12382"/>
                  </a:cubicBezTo>
                  <a:lnTo>
                    <a:pt x="86201" y="73533"/>
                  </a:lnTo>
                  <a:lnTo>
                    <a:pt x="40767" y="74009"/>
                  </a:lnTo>
                  <a:lnTo>
                    <a:pt x="39243" y="74771"/>
                  </a:lnTo>
                  <a:lnTo>
                    <a:pt x="0" y="762"/>
                  </a:lnTo>
                  <a:lnTo>
                    <a:pt x="51721" y="0"/>
                  </a:lnTo>
                  <a:lnTo>
                    <a:pt x="50863" y="4191"/>
                  </a:lnTo>
                  <a:close/>
                </a:path>
              </a:pathLst>
            </a:custGeom>
            <a:solidFill>
              <a:srgbClr val="43AAE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3" name="Freeform: Shape 132">
              <a:extLst>
                <a:ext uri="{FF2B5EF4-FFF2-40B4-BE49-F238E27FC236}">
                  <a16:creationId xmlns:a16="http://schemas.microsoft.com/office/drawing/2014/main" id="{89444606-8D08-4052-B64A-920B1844B243}"/>
                </a:ext>
              </a:extLst>
            </p:cNvPr>
            <p:cNvSpPr/>
            <p:nvPr/>
          </p:nvSpPr>
          <p:spPr>
            <a:xfrm>
              <a:off x="-1563858" y="3571651"/>
              <a:ext cx="60210" cy="83085"/>
            </a:xfrm>
            <a:custGeom>
              <a:avLst/>
              <a:gdLst>
                <a:gd name="connsiteX0" fmla="*/ 86392 w 122110"/>
                <a:gd name="connsiteY0" fmla="*/ 22669 h 168497"/>
                <a:gd name="connsiteX1" fmla="*/ 51816 w 122110"/>
                <a:gd name="connsiteY1" fmla="*/ 0 h 168497"/>
                <a:gd name="connsiteX2" fmla="*/ 0 w 122110"/>
                <a:gd name="connsiteY2" fmla="*/ 29146 h 168497"/>
                <a:gd name="connsiteX3" fmla="*/ 39529 w 122110"/>
                <a:gd name="connsiteY3" fmla="*/ 97726 h 168497"/>
                <a:gd name="connsiteX4" fmla="*/ 41624 w 122110"/>
                <a:gd name="connsiteY4" fmla="*/ 103442 h 168497"/>
                <a:gd name="connsiteX5" fmla="*/ 52483 w 122110"/>
                <a:gd name="connsiteY5" fmla="*/ 165449 h 168497"/>
                <a:gd name="connsiteX6" fmla="*/ 56102 w 122110"/>
                <a:gd name="connsiteY6" fmla="*/ 168497 h 168497"/>
                <a:gd name="connsiteX7" fmla="*/ 66770 w 122110"/>
                <a:gd name="connsiteY7" fmla="*/ 168497 h 168497"/>
                <a:gd name="connsiteX8" fmla="*/ 69151 w 122110"/>
                <a:gd name="connsiteY8" fmla="*/ 167545 h 168497"/>
                <a:gd name="connsiteX9" fmla="*/ 96202 w 122110"/>
                <a:gd name="connsiteY9" fmla="*/ 143637 h 168497"/>
                <a:gd name="connsiteX10" fmla="*/ 117824 w 122110"/>
                <a:gd name="connsiteY10" fmla="*/ 142589 h 168497"/>
                <a:gd name="connsiteX11" fmla="*/ 122110 w 122110"/>
                <a:gd name="connsiteY11" fmla="*/ 72390 h 168497"/>
                <a:gd name="connsiteX12" fmla="*/ 86392 w 122110"/>
                <a:gd name="connsiteY12" fmla="*/ 22669 h 1684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22110" h="168497">
                  <a:moveTo>
                    <a:pt x="86392" y="22669"/>
                  </a:moveTo>
                  <a:lnTo>
                    <a:pt x="51816" y="0"/>
                  </a:lnTo>
                  <a:lnTo>
                    <a:pt x="0" y="29146"/>
                  </a:lnTo>
                  <a:lnTo>
                    <a:pt x="39529" y="97726"/>
                  </a:lnTo>
                  <a:cubicBezTo>
                    <a:pt x="40576" y="99536"/>
                    <a:pt x="41243" y="101441"/>
                    <a:pt x="41624" y="103442"/>
                  </a:cubicBezTo>
                  <a:lnTo>
                    <a:pt x="52483" y="165449"/>
                  </a:lnTo>
                  <a:cubicBezTo>
                    <a:pt x="52768" y="167164"/>
                    <a:pt x="54292" y="168497"/>
                    <a:pt x="56102" y="168497"/>
                  </a:cubicBezTo>
                  <a:lnTo>
                    <a:pt x="66770" y="168497"/>
                  </a:lnTo>
                  <a:cubicBezTo>
                    <a:pt x="67627" y="168497"/>
                    <a:pt x="68485" y="168212"/>
                    <a:pt x="69151" y="167545"/>
                  </a:cubicBezTo>
                  <a:lnTo>
                    <a:pt x="96202" y="143637"/>
                  </a:lnTo>
                  <a:lnTo>
                    <a:pt x="117824" y="142589"/>
                  </a:lnTo>
                  <a:lnTo>
                    <a:pt x="122110" y="72390"/>
                  </a:lnTo>
                  <a:lnTo>
                    <a:pt x="86392" y="22669"/>
                  </a:lnTo>
                  <a:close/>
                </a:path>
              </a:pathLst>
            </a:custGeom>
            <a:solidFill>
              <a:srgbClr val="43AAE0"/>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4" name="Freeform: Shape 133">
              <a:extLst>
                <a:ext uri="{FF2B5EF4-FFF2-40B4-BE49-F238E27FC236}">
                  <a16:creationId xmlns:a16="http://schemas.microsoft.com/office/drawing/2014/main" id="{22F19DF7-7ADC-4224-9791-C9FD61ADCC19}"/>
                </a:ext>
              </a:extLst>
            </p:cNvPr>
            <p:cNvSpPr/>
            <p:nvPr/>
          </p:nvSpPr>
          <p:spPr>
            <a:xfrm>
              <a:off x="-1587115" y="3478559"/>
              <a:ext cx="182128" cy="203887"/>
            </a:xfrm>
            <a:custGeom>
              <a:avLst/>
              <a:gdLst>
                <a:gd name="connsiteX0" fmla="*/ 66784 w 369362"/>
                <a:gd name="connsiteY0" fmla="*/ 252326 h 413490"/>
                <a:gd name="connsiteX1" fmla="*/ 10301 w 369362"/>
                <a:gd name="connsiteY1" fmla="*/ 219846 h 413490"/>
                <a:gd name="connsiteX2" fmla="*/ 4872 w 369362"/>
                <a:gd name="connsiteY2" fmla="*/ 210892 h 413490"/>
                <a:gd name="connsiteX3" fmla="*/ 14 w 369362"/>
                <a:gd name="connsiteY3" fmla="*/ 94306 h 413490"/>
                <a:gd name="connsiteX4" fmla="*/ 4681 w 369362"/>
                <a:gd name="connsiteY4" fmla="*/ 84972 h 413490"/>
                <a:gd name="connsiteX5" fmla="*/ 124220 w 369362"/>
                <a:gd name="connsiteY5" fmla="*/ 1914 h 413490"/>
                <a:gd name="connsiteX6" fmla="*/ 130887 w 369362"/>
                <a:gd name="connsiteY6" fmla="*/ 9 h 413490"/>
                <a:gd name="connsiteX7" fmla="*/ 274239 w 369362"/>
                <a:gd name="connsiteY7" fmla="*/ 7153 h 413490"/>
                <a:gd name="connsiteX8" fmla="*/ 282525 w 369362"/>
                <a:gd name="connsiteY8" fmla="*/ 11725 h 413490"/>
                <a:gd name="connsiteX9" fmla="*/ 367393 w 369362"/>
                <a:gd name="connsiteY9" fmla="*/ 132025 h 413490"/>
                <a:gd name="connsiteX10" fmla="*/ 369107 w 369362"/>
                <a:gd name="connsiteY10" fmla="*/ 140598 h 413490"/>
                <a:gd name="connsiteX11" fmla="*/ 346438 w 369362"/>
                <a:gd name="connsiteY11" fmla="*/ 241753 h 413490"/>
                <a:gd name="connsiteX12" fmla="*/ 289002 w 369362"/>
                <a:gd name="connsiteY12" fmla="*/ 244801 h 413490"/>
                <a:gd name="connsiteX13" fmla="*/ 284049 w 369362"/>
                <a:gd name="connsiteY13" fmla="*/ 242515 h 413490"/>
                <a:gd name="connsiteX14" fmla="*/ 215946 w 369362"/>
                <a:gd name="connsiteY14" fmla="*/ 154028 h 413490"/>
                <a:gd name="connsiteX15" fmla="*/ 210326 w 369362"/>
                <a:gd name="connsiteY15" fmla="*/ 152980 h 413490"/>
                <a:gd name="connsiteX16" fmla="*/ 184418 w 369362"/>
                <a:gd name="connsiteY16" fmla="*/ 168506 h 413490"/>
                <a:gd name="connsiteX17" fmla="*/ 182703 w 369362"/>
                <a:gd name="connsiteY17" fmla="*/ 173935 h 413490"/>
                <a:gd name="connsiteX18" fmla="*/ 194514 w 369362"/>
                <a:gd name="connsiteY18" fmla="*/ 197938 h 413490"/>
                <a:gd name="connsiteX19" fmla="*/ 179179 w 369362"/>
                <a:gd name="connsiteY19" fmla="*/ 212131 h 413490"/>
                <a:gd name="connsiteX20" fmla="*/ 200515 w 369362"/>
                <a:gd name="connsiteY20" fmla="*/ 240706 h 413490"/>
                <a:gd name="connsiteX21" fmla="*/ 206801 w 369362"/>
                <a:gd name="connsiteY21" fmla="*/ 244516 h 413490"/>
                <a:gd name="connsiteX22" fmla="*/ 244235 w 369362"/>
                <a:gd name="connsiteY22" fmla="*/ 249850 h 413490"/>
                <a:gd name="connsiteX23" fmla="*/ 248711 w 369362"/>
                <a:gd name="connsiteY23" fmla="*/ 254422 h 413490"/>
                <a:gd name="connsiteX24" fmla="*/ 260046 w 369362"/>
                <a:gd name="connsiteY24" fmla="*/ 340051 h 413490"/>
                <a:gd name="connsiteX25" fmla="*/ 255474 w 369362"/>
                <a:gd name="connsiteY25" fmla="*/ 351005 h 413490"/>
                <a:gd name="connsiteX26" fmla="*/ 245187 w 369362"/>
                <a:gd name="connsiteY26" fmla="*/ 362626 h 413490"/>
                <a:gd name="connsiteX27" fmla="*/ 245187 w 369362"/>
                <a:gd name="connsiteY27" fmla="*/ 360244 h 413490"/>
                <a:gd name="connsiteX28" fmla="*/ 244044 w 369362"/>
                <a:gd name="connsiteY28" fmla="*/ 366721 h 413490"/>
                <a:gd name="connsiteX29" fmla="*/ 211088 w 369362"/>
                <a:gd name="connsiteY29" fmla="*/ 410251 h 413490"/>
                <a:gd name="connsiteX30" fmla="*/ 201658 w 369362"/>
                <a:gd name="connsiteY30" fmla="*/ 413203 h 413490"/>
                <a:gd name="connsiteX31" fmla="*/ 162796 w 369362"/>
                <a:gd name="connsiteY31" fmla="*/ 403393 h 413490"/>
                <a:gd name="connsiteX32" fmla="*/ 161081 w 369362"/>
                <a:gd name="connsiteY32" fmla="*/ 398821 h 413490"/>
                <a:gd name="connsiteX33" fmla="*/ 163463 w 369362"/>
                <a:gd name="connsiteY33" fmla="*/ 380342 h 413490"/>
                <a:gd name="connsiteX34" fmla="*/ 160319 w 369362"/>
                <a:gd name="connsiteY34" fmla="*/ 376913 h 413490"/>
                <a:gd name="connsiteX35" fmla="*/ 144698 w 369362"/>
                <a:gd name="connsiteY35" fmla="*/ 377770 h 413490"/>
                <a:gd name="connsiteX36" fmla="*/ 142222 w 369362"/>
                <a:gd name="connsiteY36" fmla="*/ 377294 h 413490"/>
                <a:gd name="connsiteX37" fmla="*/ 126982 w 369362"/>
                <a:gd name="connsiteY37" fmla="*/ 370531 h 413490"/>
                <a:gd name="connsiteX38" fmla="*/ 123743 w 369362"/>
                <a:gd name="connsiteY38" fmla="*/ 365864 h 413490"/>
                <a:gd name="connsiteX39" fmla="*/ 122886 w 369362"/>
                <a:gd name="connsiteY39" fmla="*/ 350815 h 413490"/>
                <a:gd name="connsiteX40" fmla="*/ 142413 w 369362"/>
                <a:gd name="connsiteY40" fmla="*/ 333384 h 413490"/>
                <a:gd name="connsiteX41" fmla="*/ 144794 w 369362"/>
                <a:gd name="connsiteY41" fmla="*/ 332431 h 413490"/>
                <a:gd name="connsiteX42" fmla="*/ 161558 w 369362"/>
                <a:gd name="connsiteY42" fmla="*/ 331574 h 413490"/>
                <a:gd name="connsiteX43" fmla="*/ 165272 w 369362"/>
                <a:gd name="connsiteY43" fmla="*/ 327955 h 413490"/>
                <a:gd name="connsiteX44" fmla="*/ 169082 w 369362"/>
                <a:gd name="connsiteY44" fmla="*/ 266518 h 413490"/>
                <a:gd name="connsiteX45" fmla="*/ 166320 w 369362"/>
                <a:gd name="connsiteY45" fmla="*/ 256898 h 413490"/>
                <a:gd name="connsiteX46" fmla="*/ 135840 w 369362"/>
                <a:gd name="connsiteY46" fmla="*/ 214417 h 413490"/>
                <a:gd name="connsiteX47" fmla="*/ 130792 w 369362"/>
                <a:gd name="connsiteY47" fmla="*/ 209559 h 413490"/>
                <a:gd name="connsiteX48" fmla="*/ 103169 w 369362"/>
                <a:gd name="connsiteY48" fmla="*/ 191461 h 413490"/>
                <a:gd name="connsiteX49" fmla="*/ 95264 w 369362"/>
                <a:gd name="connsiteY49" fmla="*/ 191461 h 413490"/>
                <a:gd name="connsiteX50" fmla="*/ 55449 w 369362"/>
                <a:gd name="connsiteY50" fmla="*/ 217179 h 413490"/>
                <a:gd name="connsiteX51" fmla="*/ 52973 w 369362"/>
                <a:gd name="connsiteY51" fmla="*/ 226799 h 413490"/>
                <a:gd name="connsiteX52" fmla="*/ 66784 w 369362"/>
                <a:gd name="connsiteY52" fmla="*/ 252326 h 4134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Lst>
              <a:rect l="l" t="t" r="r" b="b"/>
              <a:pathLst>
                <a:path w="369362" h="413490">
                  <a:moveTo>
                    <a:pt x="66784" y="252326"/>
                  </a:moveTo>
                  <a:lnTo>
                    <a:pt x="10301" y="219846"/>
                  </a:lnTo>
                  <a:cubicBezTo>
                    <a:pt x="7062" y="218036"/>
                    <a:pt x="5062" y="214607"/>
                    <a:pt x="4872" y="210892"/>
                  </a:cubicBezTo>
                  <a:lnTo>
                    <a:pt x="14" y="94306"/>
                  </a:lnTo>
                  <a:cubicBezTo>
                    <a:pt x="-177" y="90592"/>
                    <a:pt x="1633" y="87067"/>
                    <a:pt x="4681" y="84972"/>
                  </a:cubicBezTo>
                  <a:lnTo>
                    <a:pt x="124220" y="1914"/>
                  </a:lnTo>
                  <a:cubicBezTo>
                    <a:pt x="126220" y="580"/>
                    <a:pt x="128506" y="-86"/>
                    <a:pt x="130887" y="9"/>
                  </a:cubicBezTo>
                  <a:lnTo>
                    <a:pt x="274239" y="7153"/>
                  </a:lnTo>
                  <a:cubicBezTo>
                    <a:pt x="277572" y="7343"/>
                    <a:pt x="280620" y="8962"/>
                    <a:pt x="282525" y="11725"/>
                  </a:cubicBezTo>
                  <a:lnTo>
                    <a:pt x="367393" y="132025"/>
                  </a:lnTo>
                  <a:cubicBezTo>
                    <a:pt x="369107" y="134502"/>
                    <a:pt x="369774" y="137645"/>
                    <a:pt x="369107" y="140598"/>
                  </a:cubicBezTo>
                  <a:lnTo>
                    <a:pt x="346438" y="241753"/>
                  </a:lnTo>
                  <a:lnTo>
                    <a:pt x="289002" y="244801"/>
                  </a:lnTo>
                  <a:cubicBezTo>
                    <a:pt x="287097" y="244897"/>
                    <a:pt x="285288" y="244039"/>
                    <a:pt x="284049" y="242515"/>
                  </a:cubicBezTo>
                  <a:lnTo>
                    <a:pt x="215946" y="154028"/>
                  </a:lnTo>
                  <a:cubicBezTo>
                    <a:pt x="214612" y="152314"/>
                    <a:pt x="212231" y="151837"/>
                    <a:pt x="210326" y="152980"/>
                  </a:cubicBezTo>
                  <a:lnTo>
                    <a:pt x="184418" y="168506"/>
                  </a:lnTo>
                  <a:cubicBezTo>
                    <a:pt x="182608" y="169649"/>
                    <a:pt x="181846" y="171935"/>
                    <a:pt x="182703" y="173935"/>
                  </a:cubicBezTo>
                  <a:lnTo>
                    <a:pt x="194514" y="197938"/>
                  </a:lnTo>
                  <a:lnTo>
                    <a:pt x="179179" y="212131"/>
                  </a:lnTo>
                  <a:lnTo>
                    <a:pt x="200515" y="240706"/>
                  </a:lnTo>
                  <a:cubicBezTo>
                    <a:pt x="202039" y="242801"/>
                    <a:pt x="204325" y="244135"/>
                    <a:pt x="206801" y="244516"/>
                  </a:cubicBezTo>
                  <a:lnTo>
                    <a:pt x="244235" y="249850"/>
                  </a:lnTo>
                  <a:cubicBezTo>
                    <a:pt x="246616" y="250231"/>
                    <a:pt x="248426" y="252040"/>
                    <a:pt x="248711" y="254422"/>
                  </a:cubicBezTo>
                  <a:lnTo>
                    <a:pt x="260046" y="340051"/>
                  </a:lnTo>
                  <a:lnTo>
                    <a:pt x="255474" y="351005"/>
                  </a:lnTo>
                  <a:lnTo>
                    <a:pt x="245187" y="362626"/>
                  </a:lnTo>
                  <a:lnTo>
                    <a:pt x="245187" y="360244"/>
                  </a:lnTo>
                  <a:lnTo>
                    <a:pt x="244044" y="366721"/>
                  </a:lnTo>
                  <a:lnTo>
                    <a:pt x="211088" y="410251"/>
                  </a:lnTo>
                  <a:cubicBezTo>
                    <a:pt x="209183" y="410822"/>
                    <a:pt x="203182" y="414537"/>
                    <a:pt x="201658" y="413203"/>
                  </a:cubicBezTo>
                  <a:lnTo>
                    <a:pt x="162796" y="403393"/>
                  </a:lnTo>
                  <a:cubicBezTo>
                    <a:pt x="161558" y="402250"/>
                    <a:pt x="160891" y="400535"/>
                    <a:pt x="161081" y="398821"/>
                  </a:cubicBezTo>
                  <a:lnTo>
                    <a:pt x="163463" y="380342"/>
                  </a:lnTo>
                  <a:cubicBezTo>
                    <a:pt x="163748" y="378437"/>
                    <a:pt x="162224" y="376818"/>
                    <a:pt x="160319" y="376913"/>
                  </a:cubicBezTo>
                  <a:lnTo>
                    <a:pt x="144698" y="377770"/>
                  </a:lnTo>
                  <a:cubicBezTo>
                    <a:pt x="143841" y="377770"/>
                    <a:pt x="142984" y="377675"/>
                    <a:pt x="142222" y="377294"/>
                  </a:cubicBezTo>
                  <a:lnTo>
                    <a:pt x="126982" y="370531"/>
                  </a:lnTo>
                  <a:cubicBezTo>
                    <a:pt x="125172" y="369674"/>
                    <a:pt x="123934" y="367960"/>
                    <a:pt x="123743" y="365864"/>
                  </a:cubicBezTo>
                  <a:lnTo>
                    <a:pt x="122886" y="350815"/>
                  </a:lnTo>
                  <a:lnTo>
                    <a:pt x="142413" y="333384"/>
                  </a:lnTo>
                  <a:cubicBezTo>
                    <a:pt x="143079" y="332812"/>
                    <a:pt x="143936" y="332431"/>
                    <a:pt x="144794" y="332431"/>
                  </a:cubicBezTo>
                  <a:lnTo>
                    <a:pt x="161558" y="331574"/>
                  </a:lnTo>
                  <a:cubicBezTo>
                    <a:pt x="163558" y="331479"/>
                    <a:pt x="165177" y="329860"/>
                    <a:pt x="165272" y="327955"/>
                  </a:cubicBezTo>
                  <a:lnTo>
                    <a:pt x="169082" y="266518"/>
                  </a:lnTo>
                  <a:cubicBezTo>
                    <a:pt x="169273" y="263089"/>
                    <a:pt x="168321" y="259756"/>
                    <a:pt x="166320" y="256898"/>
                  </a:cubicBezTo>
                  <a:lnTo>
                    <a:pt x="135840" y="214417"/>
                  </a:lnTo>
                  <a:cubicBezTo>
                    <a:pt x="134507" y="212512"/>
                    <a:pt x="132697" y="210892"/>
                    <a:pt x="130792" y="209559"/>
                  </a:cubicBezTo>
                  <a:lnTo>
                    <a:pt x="103169" y="191461"/>
                  </a:lnTo>
                  <a:cubicBezTo>
                    <a:pt x="100788" y="189842"/>
                    <a:pt x="97645" y="189842"/>
                    <a:pt x="95264" y="191461"/>
                  </a:cubicBezTo>
                  <a:lnTo>
                    <a:pt x="55449" y="217179"/>
                  </a:lnTo>
                  <a:cubicBezTo>
                    <a:pt x="52211" y="219274"/>
                    <a:pt x="51163" y="223465"/>
                    <a:pt x="52973" y="226799"/>
                  </a:cubicBezTo>
                  <a:lnTo>
                    <a:pt x="66784" y="252326"/>
                  </a:ln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5" name="Freeform: Shape 134">
              <a:extLst>
                <a:ext uri="{FF2B5EF4-FFF2-40B4-BE49-F238E27FC236}">
                  <a16:creationId xmlns:a16="http://schemas.microsoft.com/office/drawing/2014/main" id="{C6E25DD5-7794-474A-B481-E5B5060B96C8}"/>
                </a:ext>
              </a:extLst>
            </p:cNvPr>
            <p:cNvSpPr/>
            <p:nvPr/>
          </p:nvSpPr>
          <p:spPr>
            <a:xfrm>
              <a:off x="-1484920" y="3565470"/>
              <a:ext cx="11338" cy="17379"/>
            </a:xfrm>
            <a:custGeom>
              <a:avLst/>
              <a:gdLst>
                <a:gd name="connsiteX0" fmla="*/ 5740 w 22993"/>
                <a:gd name="connsiteY0" fmla="*/ 534 h 35245"/>
                <a:gd name="connsiteX1" fmla="*/ 22694 w 22993"/>
                <a:gd name="connsiteY1" fmla="*/ 21680 h 35245"/>
                <a:gd name="connsiteX2" fmla="*/ 22790 w 22993"/>
                <a:gd name="connsiteY2" fmla="*/ 23394 h 35245"/>
                <a:gd name="connsiteX3" fmla="*/ 15646 w 22993"/>
                <a:gd name="connsiteY3" fmla="*/ 34539 h 35245"/>
                <a:gd name="connsiteX4" fmla="*/ 13360 w 22993"/>
                <a:gd name="connsiteY4" fmla="*/ 34729 h 35245"/>
                <a:gd name="connsiteX5" fmla="*/ 406 w 22993"/>
                <a:gd name="connsiteY5" fmla="*/ 20346 h 35245"/>
                <a:gd name="connsiteX6" fmla="*/ 25 w 22993"/>
                <a:gd name="connsiteY6" fmla="*/ 19108 h 35245"/>
                <a:gd name="connsiteX7" fmla="*/ 3168 w 22993"/>
                <a:gd name="connsiteY7" fmla="*/ 1201 h 35245"/>
                <a:gd name="connsiteX8" fmla="*/ 5740 w 22993"/>
                <a:gd name="connsiteY8" fmla="*/ 534 h 352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2993" h="35245">
                  <a:moveTo>
                    <a:pt x="5740" y="534"/>
                  </a:moveTo>
                  <a:lnTo>
                    <a:pt x="22694" y="21680"/>
                  </a:lnTo>
                  <a:cubicBezTo>
                    <a:pt x="23075" y="22156"/>
                    <a:pt x="23075" y="22823"/>
                    <a:pt x="22790" y="23394"/>
                  </a:cubicBezTo>
                  <a:lnTo>
                    <a:pt x="15646" y="34539"/>
                  </a:lnTo>
                  <a:cubicBezTo>
                    <a:pt x="15170" y="35396"/>
                    <a:pt x="13931" y="35491"/>
                    <a:pt x="13360" y="34729"/>
                  </a:cubicBezTo>
                  <a:lnTo>
                    <a:pt x="406" y="20346"/>
                  </a:lnTo>
                  <a:cubicBezTo>
                    <a:pt x="120" y="19965"/>
                    <a:pt x="-71" y="19584"/>
                    <a:pt x="25" y="19108"/>
                  </a:cubicBezTo>
                  <a:lnTo>
                    <a:pt x="3168" y="1201"/>
                  </a:lnTo>
                  <a:cubicBezTo>
                    <a:pt x="3358" y="-37"/>
                    <a:pt x="4883" y="-418"/>
                    <a:pt x="5740" y="534"/>
                  </a:cubicBezTo>
                  <a:close/>
                </a:path>
              </a:pathLst>
            </a:custGeom>
            <a:solidFill>
              <a:srgbClr val="B9C4D5"/>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6" name="Freeform: Shape 135">
              <a:extLst>
                <a:ext uri="{FF2B5EF4-FFF2-40B4-BE49-F238E27FC236}">
                  <a16:creationId xmlns:a16="http://schemas.microsoft.com/office/drawing/2014/main" id="{0B9F4C77-5F4E-4361-BF2D-DEA700B8FF75}"/>
                </a:ext>
              </a:extLst>
            </p:cNvPr>
            <p:cNvSpPr/>
            <p:nvPr/>
          </p:nvSpPr>
          <p:spPr>
            <a:xfrm>
              <a:off x="-1587162" y="3478559"/>
              <a:ext cx="182128" cy="91167"/>
            </a:xfrm>
            <a:custGeom>
              <a:avLst/>
              <a:gdLst>
                <a:gd name="connsiteX0" fmla="*/ 4681 w 369362"/>
                <a:gd name="connsiteY0" fmla="*/ 84972 h 184889"/>
                <a:gd name="connsiteX1" fmla="*/ 124220 w 369362"/>
                <a:gd name="connsiteY1" fmla="*/ 1914 h 184889"/>
                <a:gd name="connsiteX2" fmla="*/ 130887 w 369362"/>
                <a:gd name="connsiteY2" fmla="*/ 9 h 184889"/>
                <a:gd name="connsiteX3" fmla="*/ 274238 w 369362"/>
                <a:gd name="connsiteY3" fmla="*/ 7153 h 184889"/>
                <a:gd name="connsiteX4" fmla="*/ 282525 w 369362"/>
                <a:gd name="connsiteY4" fmla="*/ 11725 h 184889"/>
                <a:gd name="connsiteX5" fmla="*/ 367393 w 369362"/>
                <a:gd name="connsiteY5" fmla="*/ 132025 h 184889"/>
                <a:gd name="connsiteX6" fmla="*/ 369107 w 369362"/>
                <a:gd name="connsiteY6" fmla="*/ 140598 h 184889"/>
                <a:gd name="connsiteX7" fmla="*/ 359202 w 369362"/>
                <a:gd name="connsiteY7" fmla="*/ 184889 h 184889"/>
                <a:gd name="connsiteX8" fmla="*/ 264713 w 369362"/>
                <a:gd name="connsiteY8" fmla="*/ 51920 h 184889"/>
                <a:gd name="connsiteX9" fmla="*/ 257570 w 369362"/>
                <a:gd name="connsiteY9" fmla="*/ 48015 h 184889"/>
                <a:gd name="connsiteX10" fmla="*/ 140984 w 369362"/>
                <a:gd name="connsiteY10" fmla="*/ 42776 h 184889"/>
                <a:gd name="connsiteX11" fmla="*/ 135364 w 369362"/>
                <a:gd name="connsiteY11" fmla="*/ 44395 h 184889"/>
                <a:gd name="connsiteX12" fmla="*/ 1728 w 369362"/>
                <a:gd name="connsiteY12" fmla="*/ 134311 h 184889"/>
                <a:gd name="connsiteX13" fmla="*/ 14 w 369362"/>
                <a:gd name="connsiteY13" fmla="*/ 94306 h 184889"/>
                <a:gd name="connsiteX14" fmla="*/ 4681 w 369362"/>
                <a:gd name="connsiteY14" fmla="*/ 84972 h 18488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69362" h="184889">
                  <a:moveTo>
                    <a:pt x="4681" y="84972"/>
                  </a:moveTo>
                  <a:lnTo>
                    <a:pt x="124220" y="1914"/>
                  </a:lnTo>
                  <a:cubicBezTo>
                    <a:pt x="126220" y="580"/>
                    <a:pt x="128506" y="-86"/>
                    <a:pt x="130887" y="9"/>
                  </a:cubicBezTo>
                  <a:lnTo>
                    <a:pt x="274238" y="7153"/>
                  </a:lnTo>
                  <a:cubicBezTo>
                    <a:pt x="277572" y="7343"/>
                    <a:pt x="280620" y="8962"/>
                    <a:pt x="282525" y="11725"/>
                  </a:cubicBezTo>
                  <a:lnTo>
                    <a:pt x="367393" y="132025"/>
                  </a:lnTo>
                  <a:cubicBezTo>
                    <a:pt x="369107" y="134502"/>
                    <a:pt x="369774" y="137645"/>
                    <a:pt x="369107" y="140598"/>
                  </a:cubicBezTo>
                  <a:lnTo>
                    <a:pt x="359202" y="184889"/>
                  </a:lnTo>
                  <a:lnTo>
                    <a:pt x="264713" y="51920"/>
                  </a:lnTo>
                  <a:cubicBezTo>
                    <a:pt x="263094" y="49539"/>
                    <a:pt x="260427" y="48110"/>
                    <a:pt x="257570" y="48015"/>
                  </a:cubicBezTo>
                  <a:lnTo>
                    <a:pt x="140984" y="42776"/>
                  </a:lnTo>
                  <a:cubicBezTo>
                    <a:pt x="138983" y="42681"/>
                    <a:pt x="136983" y="43252"/>
                    <a:pt x="135364" y="44395"/>
                  </a:cubicBezTo>
                  <a:lnTo>
                    <a:pt x="1728" y="134311"/>
                  </a:lnTo>
                  <a:lnTo>
                    <a:pt x="14" y="94306"/>
                  </a:lnTo>
                  <a:cubicBezTo>
                    <a:pt x="-177" y="90592"/>
                    <a:pt x="1633" y="87067"/>
                    <a:pt x="4681" y="84972"/>
                  </a:cubicBez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7" name="Freeform: Shape 136">
              <a:extLst>
                <a:ext uri="{FF2B5EF4-FFF2-40B4-BE49-F238E27FC236}">
                  <a16:creationId xmlns:a16="http://schemas.microsoft.com/office/drawing/2014/main" id="{186DFA4E-C764-4CD1-863C-C04969E99169}"/>
                </a:ext>
              </a:extLst>
            </p:cNvPr>
            <p:cNvSpPr/>
            <p:nvPr/>
          </p:nvSpPr>
          <p:spPr>
            <a:xfrm>
              <a:off x="-1553157" y="3628663"/>
              <a:ext cx="204543" cy="451776"/>
            </a:xfrm>
            <a:custGeom>
              <a:avLst/>
              <a:gdLst>
                <a:gd name="connsiteX0" fmla="*/ 188513 w 414821"/>
                <a:gd name="connsiteY0" fmla="*/ 40872 h 916220"/>
                <a:gd name="connsiteX1" fmla="*/ 176226 w 414821"/>
                <a:gd name="connsiteY1" fmla="*/ 69924 h 916220"/>
                <a:gd name="connsiteX2" fmla="*/ 178036 w 414821"/>
                <a:gd name="connsiteY2" fmla="*/ 85735 h 916220"/>
                <a:gd name="connsiteX3" fmla="*/ 181464 w 414821"/>
                <a:gd name="connsiteY3" fmla="*/ 90498 h 916220"/>
                <a:gd name="connsiteX4" fmla="*/ 183179 w 414821"/>
                <a:gd name="connsiteY4" fmla="*/ 106023 h 916220"/>
                <a:gd name="connsiteX5" fmla="*/ 116980 w 414821"/>
                <a:gd name="connsiteY5" fmla="*/ 258138 h 916220"/>
                <a:gd name="connsiteX6" fmla="*/ 112980 w 414821"/>
                <a:gd name="connsiteY6" fmla="*/ 270330 h 916220"/>
                <a:gd name="connsiteX7" fmla="*/ 40018 w 414821"/>
                <a:gd name="connsiteY7" fmla="*/ 595990 h 916220"/>
                <a:gd name="connsiteX8" fmla="*/ 39828 w 414821"/>
                <a:gd name="connsiteY8" fmla="*/ 597228 h 916220"/>
                <a:gd name="connsiteX9" fmla="*/ 204 w 414821"/>
                <a:gd name="connsiteY9" fmla="*/ 890788 h 916220"/>
                <a:gd name="connsiteX10" fmla="*/ 22397 w 414821"/>
                <a:gd name="connsiteY10" fmla="*/ 916220 h 916220"/>
                <a:gd name="connsiteX11" fmla="*/ 70784 w 414821"/>
                <a:gd name="connsiteY11" fmla="*/ 916220 h 916220"/>
                <a:gd name="connsiteX12" fmla="*/ 104026 w 414821"/>
                <a:gd name="connsiteY12" fmla="*/ 904123 h 916220"/>
                <a:gd name="connsiteX13" fmla="*/ 161176 w 414821"/>
                <a:gd name="connsiteY13" fmla="*/ 856403 h 916220"/>
                <a:gd name="connsiteX14" fmla="*/ 192704 w 414821"/>
                <a:gd name="connsiteY14" fmla="*/ 845640 h 916220"/>
                <a:gd name="connsiteX15" fmla="*/ 335770 w 414821"/>
                <a:gd name="connsiteY15" fmla="*/ 850974 h 916220"/>
                <a:gd name="connsiteX16" fmla="*/ 357487 w 414821"/>
                <a:gd name="connsiteY16" fmla="*/ 858022 h 916220"/>
                <a:gd name="connsiteX17" fmla="*/ 387205 w 414821"/>
                <a:gd name="connsiteY17" fmla="*/ 878025 h 916220"/>
                <a:gd name="connsiteX18" fmla="*/ 414446 w 414821"/>
                <a:gd name="connsiteY18" fmla="*/ 859737 h 916220"/>
                <a:gd name="connsiteX19" fmla="*/ 405207 w 414821"/>
                <a:gd name="connsiteY19" fmla="*/ 815065 h 916220"/>
                <a:gd name="connsiteX20" fmla="*/ 404349 w 414821"/>
                <a:gd name="connsiteY20" fmla="*/ 812397 h 916220"/>
                <a:gd name="connsiteX21" fmla="*/ 341580 w 414821"/>
                <a:gd name="connsiteY21" fmla="*/ 664474 h 916220"/>
                <a:gd name="connsiteX22" fmla="*/ 340723 w 414821"/>
                <a:gd name="connsiteY22" fmla="*/ 662855 h 916220"/>
                <a:gd name="connsiteX23" fmla="*/ 304909 w 414821"/>
                <a:gd name="connsiteY23" fmla="*/ 601514 h 916220"/>
                <a:gd name="connsiteX24" fmla="*/ 303004 w 414821"/>
                <a:gd name="connsiteY24" fmla="*/ 595894 h 916220"/>
                <a:gd name="connsiteX25" fmla="*/ 246330 w 414821"/>
                <a:gd name="connsiteY25" fmla="*/ 82687 h 916220"/>
                <a:gd name="connsiteX26" fmla="*/ 256331 w 414821"/>
                <a:gd name="connsiteY26" fmla="*/ 67447 h 916220"/>
                <a:gd name="connsiteX27" fmla="*/ 335198 w 414821"/>
                <a:gd name="connsiteY27" fmla="*/ 43158 h 916220"/>
                <a:gd name="connsiteX28" fmla="*/ 345009 w 414821"/>
                <a:gd name="connsiteY28" fmla="*/ 32300 h 916220"/>
                <a:gd name="connsiteX29" fmla="*/ 347200 w 414821"/>
                <a:gd name="connsiteY29" fmla="*/ 21441 h 916220"/>
                <a:gd name="connsiteX30" fmla="*/ 331960 w 414821"/>
                <a:gd name="connsiteY30" fmla="*/ 2201 h 916220"/>
                <a:gd name="connsiteX31" fmla="*/ 269095 w 414821"/>
                <a:gd name="connsiteY31" fmla="*/ 10 h 916220"/>
                <a:gd name="connsiteX32" fmla="*/ 261093 w 414821"/>
                <a:gd name="connsiteY32" fmla="*/ 1725 h 916220"/>
                <a:gd name="connsiteX33" fmla="*/ 196609 w 414821"/>
                <a:gd name="connsiteY33" fmla="*/ 32490 h 916220"/>
                <a:gd name="connsiteX34" fmla="*/ 188513 w 414821"/>
                <a:gd name="connsiteY34" fmla="*/ 40872 h 9162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414821" h="916220">
                  <a:moveTo>
                    <a:pt x="188513" y="40872"/>
                  </a:moveTo>
                  <a:lnTo>
                    <a:pt x="176226" y="69924"/>
                  </a:lnTo>
                  <a:cubicBezTo>
                    <a:pt x="174035" y="75162"/>
                    <a:pt x="174702" y="81163"/>
                    <a:pt x="178036" y="85735"/>
                  </a:cubicBezTo>
                  <a:lnTo>
                    <a:pt x="181464" y="90498"/>
                  </a:lnTo>
                  <a:cubicBezTo>
                    <a:pt x="184703" y="94974"/>
                    <a:pt x="185370" y="100880"/>
                    <a:pt x="183179" y="106023"/>
                  </a:cubicBezTo>
                  <a:lnTo>
                    <a:pt x="116980" y="258138"/>
                  </a:lnTo>
                  <a:cubicBezTo>
                    <a:pt x="115266" y="262043"/>
                    <a:pt x="113932" y="266139"/>
                    <a:pt x="112980" y="270330"/>
                  </a:cubicBezTo>
                  <a:lnTo>
                    <a:pt x="40018" y="595990"/>
                  </a:lnTo>
                  <a:cubicBezTo>
                    <a:pt x="39923" y="596370"/>
                    <a:pt x="39828" y="596751"/>
                    <a:pt x="39828" y="597228"/>
                  </a:cubicBezTo>
                  <a:lnTo>
                    <a:pt x="204" y="890788"/>
                  </a:lnTo>
                  <a:cubicBezTo>
                    <a:pt x="-1606" y="904218"/>
                    <a:pt x="8872" y="916220"/>
                    <a:pt x="22397" y="916220"/>
                  </a:cubicBezTo>
                  <a:lnTo>
                    <a:pt x="70784" y="916220"/>
                  </a:lnTo>
                  <a:cubicBezTo>
                    <a:pt x="82976" y="916220"/>
                    <a:pt x="94692" y="911934"/>
                    <a:pt x="104026" y="904123"/>
                  </a:cubicBezTo>
                  <a:lnTo>
                    <a:pt x="161176" y="856403"/>
                  </a:lnTo>
                  <a:cubicBezTo>
                    <a:pt x="170035" y="849069"/>
                    <a:pt x="181274" y="845163"/>
                    <a:pt x="192704" y="845640"/>
                  </a:cubicBezTo>
                  <a:lnTo>
                    <a:pt x="335770" y="850974"/>
                  </a:lnTo>
                  <a:cubicBezTo>
                    <a:pt x="343485" y="851259"/>
                    <a:pt x="351010" y="853736"/>
                    <a:pt x="357487" y="858022"/>
                  </a:cubicBezTo>
                  <a:lnTo>
                    <a:pt x="387205" y="878025"/>
                  </a:lnTo>
                  <a:cubicBezTo>
                    <a:pt x="400349" y="886883"/>
                    <a:pt x="417589" y="875263"/>
                    <a:pt x="414446" y="859737"/>
                  </a:cubicBezTo>
                  <a:lnTo>
                    <a:pt x="405207" y="815065"/>
                  </a:lnTo>
                  <a:cubicBezTo>
                    <a:pt x="405016" y="814112"/>
                    <a:pt x="404731" y="813255"/>
                    <a:pt x="404349" y="812397"/>
                  </a:cubicBezTo>
                  <a:lnTo>
                    <a:pt x="341580" y="664474"/>
                  </a:lnTo>
                  <a:cubicBezTo>
                    <a:pt x="341389" y="663903"/>
                    <a:pt x="341104" y="663426"/>
                    <a:pt x="340723" y="662855"/>
                  </a:cubicBezTo>
                  <a:lnTo>
                    <a:pt x="304909" y="601514"/>
                  </a:lnTo>
                  <a:cubicBezTo>
                    <a:pt x="303861" y="599799"/>
                    <a:pt x="303289" y="597894"/>
                    <a:pt x="303004" y="595894"/>
                  </a:cubicBezTo>
                  <a:lnTo>
                    <a:pt x="246330" y="82687"/>
                  </a:lnTo>
                  <a:cubicBezTo>
                    <a:pt x="245568" y="75829"/>
                    <a:pt x="249759" y="69447"/>
                    <a:pt x="256331" y="67447"/>
                  </a:cubicBezTo>
                  <a:lnTo>
                    <a:pt x="335198" y="43158"/>
                  </a:lnTo>
                  <a:cubicBezTo>
                    <a:pt x="340246" y="41634"/>
                    <a:pt x="343961" y="37443"/>
                    <a:pt x="345009" y="32300"/>
                  </a:cubicBezTo>
                  <a:lnTo>
                    <a:pt x="347200" y="21441"/>
                  </a:lnTo>
                  <a:cubicBezTo>
                    <a:pt x="349105" y="11726"/>
                    <a:pt x="341866" y="2582"/>
                    <a:pt x="331960" y="2201"/>
                  </a:cubicBezTo>
                  <a:lnTo>
                    <a:pt x="269095" y="10"/>
                  </a:lnTo>
                  <a:cubicBezTo>
                    <a:pt x="266332" y="-85"/>
                    <a:pt x="263570" y="486"/>
                    <a:pt x="261093" y="1725"/>
                  </a:cubicBezTo>
                  <a:lnTo>
                    <a:pt x="196609" y="32490"/>
                  </a:lnTo>
                  <a:cubicBezTo>
                    <a:pt x="192895" y="34205"/>
                    <a:pt x="190037" y="37253"/>
                    <a:pt x="188513" y="40872"/>
                  </a:cubicBezTo>
                  <a:close/>
                </a:path>
              </a:pathLst>
            </a:custGeom>
            <a:solidFill>
              <a:srgbClr val="E9F1FB"/>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8" name="Freeform: Shape 137">
              <a:extLst>
                <a:ext uri="{FF2B5EF4-FFF2-40B4-BE49-F238E27FC236}">
                  <a16:creationId xmlns:a16="http://schemas.microsoft.com/office/drawing/2014/main" id="{4A813B99-7398-4DF1-B6BF-2969D7C399A3}"/>
                </a:ext>
              </a:extLst>
            </p:cNvPr>
            <p:cNvSpPr/>
            <p:nvPr/>
          </p:nvSpPr>
          <p:spPr>
            <a:xfrm>
              <a:off x="-1474951" y="3628669"/>
              <a:ext cx="66927" cy="80077"/>
            </a:xfrm>
            <a:custGeom>
              <a:avLst/>
              <a:gdLst>
                <a:gd name="connsiteX0" fmla="*/ 98012 w 135731"/>
                <a:gd name="connsiteY0" fmla="*/ 72485 h 162401"/>
                <a:gd name="connsiteX1" fmla="*/ 97060 w 135731"/>
                <a:gd name="connsiteY1" fmla="*/ 73438 h 162401"/>
                <a:gd name="connsiteX2" fmla="*/ 89535 w 135731"/>
                <a:gd name="connsiteY2" fmla="*/ 75724 h 162401"/>
                <a:gd name="connsiteX3" fmla="*/ 86963 w 135731"/>
                <a:gd name="connsiteY3" fmla="*/ 75438 h 162401"/>
                <a:gd name="connsiteX4" fmla="*/ 0 w 135731"/>
                <a:gd name="connsiteY4" fmla="*/ 162401 h 162401"/>
                <a:gd name="connsiteX5" fmla="*/ 23908 w 135731"/>
                <a:gd name="connsiteY5" fmla="*/ 107347 h 162401"/>
                <a:gd name="connsiteX6" fmla="*/ 21908 w 135731"/>
                <a:gd name="connsiteY6" fmla="*/ 89154 h 162401"/>
                <a:gd name="connsiteX7" fmla="*/ 14669 w 135731"/>
                <a:gd name="connsiteY7" fmla="*/ 79153 h 162401"/>
                <a:gd name="connsiteX8" fmla="*/ 14478 w 135731"/>
                <a:gd name="connsiteY8" fmla="*/ 77248 h 162401"/>
                <a:gd name="connsiteX9" fmla="*/ 14478 w 135731"/>
                <a:gd name="connsiteY9" fmla="*/ 77248 h 162401"/>
                <a:gd name="connsiteX10" fmla="*/ 32004 w 135731"/>
                <a:gd name="connsiteY10" fmla="*/ 35719 h 162401"/>
                <a:gd name="connsiteX11" fmla="*/ 33052 w 135731"/>
                <a:gd name="connsiteY11" fmla="*/ 34671 h 162401"/>
                <a:gd name="connsiteX12" fmla="*/ 47054 w 135731"/>
                <a:gd name="connsiteY12" fmla="*/ 27908 h 162401"/>
                <a:gd name="connsiteX13" fmla="*/ 105823 w 135731"/>
                <a:gd name="connsiteY13" fmla="*/ 0 h 162401"/>
                <a:gd name="connsiteX14" fmla="*/ 135731 w 135731"/>
                <a:gd name="connsiteY14" fmla="*/ 55435 h 162401"/>
                <a:gd name="connsiteX15" fmla="*/ 106204 w 135731"/>
                <a:gd name="connsiteY15" fmla="*/ 70390 h 162401"/>
                <a:gd name="connsiteX16" fmla="*/ 98012 w 135731"/>
                <a:gd name="connsiteY16" fmla="*/ 72485 h 1624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35731" h="162401">
                  <a:moveTo>
                    <a:pt x="98012" y="72485"/>
                  </a:moveTo>
                  <a:lnTo>
                    <a:pt x="97060" y="73438"/>
                  </a:lnTo>
                  <a:lnTo>
                    <a:pt x="89535" y="75724"/>
                  </a:lnTo>
                  <a:lnTo>
                    <a:pt x="86963" y="75438"/>
                  </a:lnTo>
                  <a:cubicBezTo>
                    <a:pt x="58007" y="104394"/>
                    <a:pt x="28956" y="133445"/>
                    <a:pt x="0" y="162401"/>
                  </a:cubicBezTo>
                  <a:lnTo>
                    <a:pt x="23908" y="107347"/>
                  </a:lnTo>
                  <a:cubicBezTo>
                    <a:pt x="26479" y="101346"/>
                    <a:pt x="25717" y="94488"/>
                    <a:pt x="21908" y="89154"/>
                  </a:cubicBezTo>
                  <a:lnTo>
                    <a:pt x="14669" y="79153"/>
                  </a:lnTo>
                  <a:cubicBezTo>
                    <a:pt x="14573" y="78486"/>
                    <a:pt x="14573" y="77915"/>
                    <a:pt x="14478" y="77248"/>
                  </a:cubicBezTo>
                  <a:lnTo>
                    <a:pt x="14478" y="77248"/>
                  </a:lnTo>
                  <a:lnTo>
                    <a:pt x="32004" y="35719"/>
                  </a:lnTo>
                  <a:cubicBezTo>
                    <a:pt x="32385" y="35338"/>
                    <a:pt x="32671" y="35052"/>
                    <a:pt x="33052" y="34671"/>
                  </a:cubicBezTo>
                  <a:lnTo>
                    <a:pt x="47054" y="27908"/>
                  </a:lnTo>
                  <a:lnTo>
                    <a:pt x="105823" y="0"/>
                  </a:lnTo>
                  <a:lnTo>
                    <a:pt x="135731" y="55435"/>
                  </a:lnTo>
                  <a:lnTo>
                    <a:pt x="106204" y="70390"/>
                  </a:lnTo>
                  <a:cubicBezTo>
                    <a:pt x="103632" y="69628"/>
                    <a:pt x="100584" y="69914"/>
                    <a:pt x="98012" y="72485"/>
                  </a:cubicBezTo>
                  <a:close/>
                </a:path>
              </a:pathLst>
            </a:custGeom>
            <a:solidFill>
              <a:srgbClr val="D9DEE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39" name="Freeform: Shape 138">
              <a:extLst>
                <a:ext uri="{FF2B5EF4-FFF2-40B4-BE49-F238E27FC236}">
                  <a16:creationId xmlns:a16="http://schemas.microsoft.com/office/drawing/2014/main" id="{716E4BCD-0EA9-444E-9765-9CE97DFD537B}"/>
                </a:ext>
              </a:extLst>
            </p:cNvPr>
            <p:cNvSpPr/>
            <p:nvPr/>
          </p:nvSpPr>
          <p:spPr>
            <a:xfrm>
              <a:off x="-1478412" y="3649226"/>
              <a:ext cx="263635" cy="388029"/>
            </a:xfrm>
            <a:custGeom>
              <a:avLst/>
              <a:gdLst>
                <a:gd name="connsiteX0" fmla="*/ 52360 w 534663"/>
                <a:gd name="connsiteY0" fmla="*/ 414937 h 786938"/>
                <a:gd name="connsiteX1" fmla="*/ 45692 w 534663"/>
                <a:gd name="connsiteY1" fmla="*/ 368075 h 786938"/>
                <a:gd name="connsiteX2" fmla="*/ 33500 w 534663"/>
                <a:gd name="connsiteY2" fmla="*/ 345310 h 786938"/>
                <a:gd name="connsiteX3" fmla="*/ 19880 w 534663"/>
                <a:gd name="connsiteY3" fmla="*/ 333118 h 786938"/>
                <a:gd name="connsiteX4" fmla="*/ 11593 w 534663"/>
                <a:gd name="connsiteY4" fmla="*/ 316449 h 786938"/>
                <a:gd name="connsiteX5" fmla="*/ 68 w 534663"/>
                <a:gd name="connsiteY5" fmla="*/ 170621 h 786938"/>
                <a:gd name="connsiteX6" fmla="*/ 3592 w 534663"/>
                <a:gd name="connsiteY6" fmla="*/ 156429 h 786938"/>
                <a:gd name="connsiteX7" fmla="*/ 88841 w 534663"/>
                <a:gd name="connsiteY7" fmla="*/ 35461 h 786938"/>
                <a:gd name="connsiteX8" fmla="*/ 100556 w 534663"/>
                <a:gd name="connsiteY8" fmla="*/ 27270 h 786938"/>
                <a:gd name="connsiteX9" fmla="*/ 188567 w 534663"/>
                <a:gd name="connsiteY9" fmla="*/ 219 h 786938"/>
                <a:gd name="connsiteX10" fmla="*/ 193806 w 534663"/>
                <a:gd name="connsiteY10" fmla="*/ 1648 h 786938"/>
                <a:gd name="connsiteX11" fmla="*/ 296009 w 534663"/>
                <a:gd name="connsiteY11" fmla="*/ 110995 h 786938"/>
                <a:gd name="connsiteX12" fmla="*/ 304487 w 534663"/>
                <a:gd name="connsiteY12" fmla="*/ 117091 h 786938"/>
                <a:gd name="connsiteX13" fmla="*/ 365732 w 534663"/>
                <a:gd name="connsiteY13" fmla="*/ 145475 h 786938"/>
                <a:gd name="connsiteX14" fmla="*/ 378782 w 534663"/>
                <a:gd name="connsiteY14" fmla="*/ 157382 h 786938"/>
                <a:gd name="connsiteX15" fmla="*/ 460316 w 534663"/>
                <a:gd name="connsiteY15" fmla="*/ 299495 h 786938"/>
                <a:gd name="connsiteX16" fmla="*/ 463840 w 534663"/>
                <a:gd name="connsiteY16" fmla="*/ 308353 h 786938"/>
                <a:gd name="connsiteX17" fmla="*/ 505750 w 534663"/>
                <a:gd name="connsiteY17" fmla="*/ 482089 h 786938"/>
                <a:gd name="connsiteX18" fmla="*/ 510417 w 534663"/>
                <a:gd name="connsiteY18" fmla="*/ 491137 h 786938"/>
                <a:gd name="connsiteX19" fmla="*/ 529372 w 534663"/>
                <a:gd name="connsiteY19" fmla="*/ 512759 h 786938"/>
                <a:gd name="connsiteX20" fmla="*/ 532991 w 534663"/>
                <a:gd name="connsiteY20" fmla="*/ 535143 h 786938"/>
                <a:gd name="connsiteX21" fmla="*/ 453934 w 534663"/>
                <a:gd name="connsiteY21" fmla="*/ 721738 h 786938"/>
                <a:gd name="connsiteX22" fmla="*/ 435074 w 534663"/>
                <a:gd name="connsiteY22" fmla="*/ 732025 h 786938"/>
                <a:gd name="connsiteX23" fmla="*/ 402594 w 534663"/>
                <a:gd name="connsiteY23" fmla="*/ 726310 h 786938"/>
                <a:gd name="connsiteX24" fmla="*/ 387164 w 534663"/>
                <a:gd name="connsiteY24" fmla="*/ 731358 h 786938"/>
                <a:gd name="connsiteX25" fmla="*/ 338586 w 534663"/>
                <a:gd name="connsiteY25" fmla="*/ 781650 h 786938"/>
                <a:gd name="connsiteX26" fmla="*/ 322679 w 534663"/>
                <a:gd name="connsiteY26" fmla="*/ 786603 h 786938"/>
                <a:gd name="connsiteX27" fmla="*/ 253147 w 534663"/>
                <a:gd name="connsiteY27" fmla="*/ 772316 h 786938"/>
                <a:gd name="connsiteX28" fmla="*/ 189424 w 534663"/>
                <a:gd name="connsiteY28" fmla="*/ 622202 h 786938"/>
                <a:gd name="connsiteX29" fmla="*/ 151610 w 534663"/>
                <a:gd name="connsiteY29" fmla="*/ 557432 h 786938"/>
                <a:gd name="connsiteX30" fmla="*/ 170374 w 534663"/>
                <a:gd name="connsiteY30" fmla="*/ 542192 h 786938"/>
                <a:gd name="connsiteX31" fmla="*/ 193616 w 534663"/>
                <a:gd name="connsiteY31" fmla="*/ 526285 h 786938"/>
                <a:gd name="connsiteX32" fmla="*/ 218952 w 534663"/>
                <a:gd name="connsiteY32" fmla="*/ 518855 h 786938"/>
                <a:gd name="connsiteX33" fmla="*/ 274959 w 534663"/>
                <a:gd name="connsiteY33" fmla="*/ 308448 h 786938"/>
                <a:gd name="connsiteX34" fmla="*/ 274959 w 534663"/>
                <a:gd name="connsiteY34" fmla="*/ 162620 h 786938"/>
                <a:gd name="connsiteX35" fmla="*/ 179804 w 534663"/>
                <a:gd name="connsiteY35" fmla="*/ 62132 h 786938"/>
                <a:gd name="connsiteX36" fmla="*/ 124845 w 534663"/>
                <a:gd name="connsiteY36" fmla="*/ 73752 h 786938"/>
                <a:gd name="connsiteX37" fmla="*/ 61409 w 534663"/>
                <a:gd name="connsiteY37" fmla="*/ 162620 h 786938"/>
                <a:gd name="connsiteX38" fmla="*/ 75124 w 534663"/>
                <a:gd name="connsiteY38" fmla="*/ 309591 h 786938"/>
                <a:gd name="connsiteX39" fmla="*/ 105795 w 534663"/>
                <a:gd name="connsiteY39" fmla="*/ 349787 h 786938"/>
                <a:gd name="connsiteX40" fmla="*/ 86745 w 534663"/>
                <a:gd name="connsiteY40" fmla="*/ 426939 h 786938"/>
                <a:gd name="connsiteX41" fmla="*/ 52360 w 534663"/>
                <a:gd name="connsiteY41" fmla="*/ 414937 h 7869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534663" h="786938">
                  <a:moveTo>
                    <a:pt x="52360" y="414937"/>
                  </a:moveTo>
                  <a:lnTo>
                    <a:pt x="45692" y="368075"/>
                  </a:lnTo>
                  <a:cubicBezTo>
                    <a:pt x="44454" y="359312"/>
                    <a:pt x="40168" y="351215"/>
                    <a:pt x="33500" y="345310"/>
                  </a:cubicBezTo>
                  <a:lnTo>
                    <a:pt x="19880" y="333118"/>
                  </a:lnTo>
                  <a:cubicBezTo>
                    <a:pt x="15117" y="328831"/>
                    <a:pt x="12164" y="322831"/>
                    <a:pt x="11593" y="316449"/>
                  </a:cubicBezTo>
                  <a:lnTo>
                    <a:pt x="68" y="170621"/>
                  </a:lnTo>
                  <a:cubicBezTo>
                    <a:pt x="-314" y="165668"/>
                    <a:pt x="925" y="160620"/>
                    <a:pt x="3592" y="156429"/>
                  </a:cubicBezTo>
                  <a:lnTo>
                    <a:pt x="88841" y="35461"/>
                  </a:lnTo>
                  <a:cubicBezTo>
                    <a:pt x="91793" y="31556"/>
                    <a:pt x="95889" y="28794"/>
                    <a:pt x="100556" y="27270"/>
                  </a:cubicBezTo>
                  <a:lnTo>
                    <a:pt x="188567" y="219"/>
                  </a:lnTo>
                  <a:cubicBezTo>
                    <a:pt x="190472" y="-353"/>
                    <a:pt x="192473" y="219"/>
                    <a:pt x="193806" y="1648"/>
                  </a:cubicBezTo>
                  <a:lnTo>
                    <a:pt x="296009" y="110995"/>
                  </a:lnTo>
                  <a:cubicBezTo>
                    <a:pt x="298391" y="113566"/>
                    <a:pt x="301248" y="115662"/>
                    <a:pt x="304487" y="117091"/>
                  </a:cubicBezTo>
                  <a:lnTo>
                    <a:pt x="365732" y="145475"/>
                  </a:lnTo>
                  <a:cubicBezTo>
                    <a:pt x="371162" y="148047"/>
                    <a:pt x="375733" y="152238"/>
                    <a:pt x="378782" y="157382"/>
                  </a:cubicBezTo>
                  <a:lnTo>
                    <a:pt x="460316" y="299495"/>
                  </a:lnTo>
                  <a:cubicBezTo>
                    <a:pt x="461935" y="302257"/>
                    <a:pt x="463078" y="305305"/>
                    <a:pt x="463840" y="308353"/>
                  </a:cubicBezTo>
                  <a:lnTo>
                    <a:pt x="505750" y="482089"/>
                  </a:lnTo>
                  <a:cubicBezTo>
                    <a:pt x="506607" y="485423"/>
                    <a:pt x="508131" y="488566"/>
                    <a:pt x="510417" y="491137"/>
                  </a:cubicBezTo>
                  <a:lnTo>
                    <a:pt x="529372" y="512759"/>
                  </a:lnTo>
                  <a:cubicBezTo>
                    <a:pt x="534801" y="518950"/>
                    <a:pt x="536134" y="527618"/>
                    <a:pt x="532991" y="535143"/>
                  </a:cubicBezTo>
                  <a:lnTo>
                    <a:pt x="453934" y="721738"/>
                  </a:lnTo>
                  <a:cubicBezTo>
                    <a:pt x="450791" y="729167"/>
                    <a:pt x="442980" y="733358"/>
                    <a:pt x="435074" y="732025"/>
                  </a:cubicBezTo>
                  <a:lnTo>
                    <a:pt x="402594" y="726310"/>
                  </a:lnTo>
                  <a:cubicBezTo>
                    <a:pt x="396974" y="725357"/>
                    <a:pt x="391164" y="727167"/>
                    <a:pt x="387164" y="731358"/>
                  </a:cubicBezTo>
                  <a:lnTo>
                    <a:pt x="338586" y="781650"/>
                  </a:lnTo>
                  <a:cubicBezTo>
                    <a:pt x="334490" y="785936"/>
                    <a:pt x="328490" y="787746"/>
                    <a:pt x="322679" y="786603"/>
                  </a:cubicBezTo>
                  <a:lnTo>
                    <a:pt x="253147" y="772316"/>
                  </a:lnTo>
                  <a:lnTo>
                    <a:pt x="189424" y="622202"/>
                  </a:lnTo>
                  <a:lnTo>
                    <a:pt x="151610" y="557432"/>
                  </a:lnTo>
                  <a:lnTo>
                    <a:pt x="170374" y="542192"/>
                  </a:lnTo>
                  <a:lnTo>
                    <a:pt x="193616" y="526285"/>
                  </a:lnTo>
                  <a:lnTo>
                    <a:pt x="218952" y="518855"/>
                  </a:lnTo>
                  <a:lnTo>
                    <a:pt x="274959" y="308448"/>
                  </a:lnTo>
                  <a:lnTo>
                    <a:pt x="274959" y="162620"/>
                  </a:lnTo>
                  <a:lnTo>
                    <a:pt x="179804" y="62132"/>
                  </a:lnTo>
                  <a:lnTo>
                    <a:pt x="124845" y="73752"/>
                  </a:lnTo>
                  <a:lnTo>
                    <a:pt x="61409" y="162620"/>
                  </a:lnTo>
                  <a:lnTo>
                    <a:pt x="75124" y="309591"/>
                  </a:lnTo>
                  <a:lnTo>
                    <a:pt x="105795" y="349787"/>
                  </a:lnTo>
                  <a:lnTo>
                    <a:pt x="86745" y="426939"/>
                  </a:lnTo>
                  <a:lnTo>
                    <a:pt x="52360" y="414937"/>
                  </a:ln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0" name="Freeform: Shape 139">
              <a:extLst>
                <a:ext uri="{FF2B5EF4-FFF2-40B4-BE49-F238E27FC236}">
                  <a16:creationId xmlns:a16="http://schemas.microsoft.com/office/drawing/2014/main" id="{CB6B7A6C-3B7A-4258-A333-D6861E7ABC1A}"/>
                </a:ext>
              </a:extLst>
            </p:cNvPr>
            <p:cNvSpPr/>
            <p:nvPr/>
          </p:nvSpPr>
          <p:spPr>
            <a:xfrm>
              <a:off x="-1476971" y="3700104"/>
              <a:ext cx="50771" cy="159640"/>
            </a:xfrm>
            <a:custGeom>
              <a:avLst/>
              <a:gdLst>
                <a:gd name="connsiteX0" fmla="*/ 72485 w 102965"/>
                <a:gd name="connsiteY0" fmla="*/ 0 h 323754"/>
                <a:gd name="connsiteX1" fmla="*/ 83344 w 102965"/>
                <a:gd name="connsiteY1" fmla="*/ 24765 h 323754"/>
                <a:gd name="connsiteX2" fmla="*/ 58579 w 102965"/>
                <a:gd name="connsiteY2" fmla="*/ 59436 h 323754"/>
                <a:gd name="connsiteX3" fmla="*/ 72295 w 102965"/>
                <a:gd name="connsiteY3" fmla="*/ 206407 h 323754"/>
                <a:gd name="connsiteX4" fmla="*/ 102965 w 102965"/>
                <a:gd name="connsiteY4" fmla="*/ 246602 h 323754"/>
                <a:gd name="connsiteX5" fmla="*/ 83915 w 102965"/>
                <a:gd name="connsiteY5" fmla="*/ 323755 h 323754"/>
                <a:gd name="connsiteX6" fmla="*/ 49339 w 102965"/>
                <a:gd name="connsiteY6" fmla="*/ 311658 h 323754"/>
                <a:gd name="connsiteX7" fmla="*/ 42672 w 102965"/>
                <a:gd name="connsiteY7" fmla="*/ 264795 h 323754"/>
                <a:gd name="connsiteX8" fmla="*/ 30480 w 102965"/>
                <a:gd name="connsiteY8" fmla="*/ 242030 h 323754"/>
                <a:gd name="connsiteX9" fmla="*/ 16859 w 102965"/>
                <a:gd name="connsiteY9" fmla="*/ 229838 h 323754"/>
                <a:gd name="connsiteX10" fmla="*/ 8572 w 102965"/>
                <a:gd name="connsiteY10" fmla="*/ 213170 h 323754"/>
                <a:gd name="connsiteX11" fmla="*/ 0 w 102965"/>
                <a:gd name="connsiteY11" fmla="*/ 105156 h 323754"/>
                <a:gd name="connsiteX12" fmla="*/ 72485 w 102965"/>
                <a:gd name="connsiteY12" fmla="*/ 0 h 3237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02965" h="323754">
                  <a:moveTo>
                    <a:pt x="72485" y="0"/>
                  </a:moveTo>
                  <a:lnTo>
                    <a:pt x="83344" y="24765"/>
                  </a:lnTo>
                  <a:lnTo>
                    <a:pt x="58579" y="59436"/>
                  </a:lnTo>
                  <a:lnTo>
                    <a:pt x="72295" y="206407"/>
                  </a:lnTo>
                  <a:lnTo>
                    <a:pt x="102965" y="246602"/>
                  </a:lnTo>
                  <a:lnTo>
                    <a:pt x="83915" y="323755"/>
                  </a:lnTo>
                  <a:lnTo>
                    <a:pt x="49339" y="311658"/>
                  </a:lnTo>
                  <a:lnTo>
                    <a:pt x="42672" y="264795"/>
                  </a:lnTo>
                  <a:cubicBezTo>
                    <a:pt x="41434" y="256032"/>
                    <a:pt x="37147" y="247936"/>
                    <a:pt x="30480" y="242030"/>
                  </a:cubicBezTo>
                  <a:lnTo>
                    <a:pt x="16859" y="229838"/>
                  </a:lnTo>
                  <a:cubicBezTo>
                    <a:pt x="12097" y="225552"/>
                    <a:pt x="9144" y="219551"/>
                    <a:pt x="8572" y="213170"/>
                  </a:cubicBezTo>
                  <a:lnTo>
                    <a:pt x="0" y="105156"/>
                  </a:lnTo>
                  <a:lnTo>
                    <a:pt x="72485" y="0"/>
                  </a:lnTo>
                  <a:close/>
                </a:path>
              </a:pathLst>
            </a:custGeom>
            <a:solidFill>
              <a:srgbClr val="B9C4D5"/>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1" name="Freeform: Shape 140">
              <a:extLst>
                <a:ext uri="{FF2B5EF4-FFF2-40B4-BE49-F238E27FC236}">
                  <a16:creationId xmlns:a16="http://schemas.microsoft.com/office/drawing/2014/main" id="{A8420933-6F09-4398-B34C-75512EA3BCE5}"/>
                </a:ext>
              </a:extLst>
            </p:cNvPr>
            <p:cNvSpPr/>
            <p:nvPr/>
          </p:nvSpPr>
          <p:spPr>
            <a:xfrm>
              <a:off x="-1596740" y="3834015"/>
              <a:ext cx="37625" cy="22442"/>
            </a:xfrm>
            <a:custGeom>
              <a:avLst/>
              <a:gdLst>
                <a:gd name="connsiteX0" fmla="*/ 868 w 76306"/>
                <a:gd name="connsiteY0" fmla="*/ 45513 h 45513"/>
                <a:gd name="connsiteX1" fmla="*/ 11 w 76306"/>
                <a:gd name="connsiteY1" fmla="*/ 24558 h 45513"/>
                <a:gd name="connsiteX2" fmla="*/ 5535 w 76306"/>
                <a:gd name="connsiteY2" fmla="*/ 16652 h 45513"/>
                <a:gd name="connsiteX3" fmla="*/ 55732 w 76306"/>
                <a:gd name="connsiteY3" fmla="*/ 555 h 45513"/>
                <a:gd name="connsiteX4" fmla="*/ 64495 w 76306"/>
                <a:gd name="connsiteY4" fmla="*/ 1317 h 45513"/>
                <a:gd name="connsiteX5" fmla="*/ 76306 w 76306"/>
                <a:gd name="connsiteY5" fmla="*/ 7318 h 45513"/>
                <a:gd name="connsiteX6" fmla="*/ 868 w 76306"/>
                <a:gd name="connsiteY6" fmla="*/ 45513 h 455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6306" h="45513">
                  <a:moveTo>
                    <a:pt x="868" y="45513"/>
                  </a:moveTo>
                  <a:lnTo>
                    <a:pt x="11" y="24558"/>
                  </a:lnTo>
                  <a:cubicBezTo>
                    <a:pt x="-179" y="20939"/>
                    <a:pt x="2107" y="17700"/>
                    <a:pt x="5535" y="16652"/>
                  </a:cubicBezTo>
                  <a:lnTo>
                    <a:pt x="55732" y="555"/>
                  </a:lnTo>
                  <a:cubicBezTo>
                    <a:pt x="58590" y="-397"/>
                    <a:pt x="61733" y="-112"/>
                    <a:pt x="64495" y="1317"/>
                  </a:cubicBezTo>
                  <a:lnTo>
                    <a:pt x="76306" y="7318"/>
                  </a:lnTo>
                  <a:lnTo>
                    <a:pt x="868" y="45513"/>
                  </a:lnTo>
                  <a:close/>
                </a:path>
              </a:pathLst>
            </a:custGeom>
            <a:solidFill>
              <a:srgbClr val="B9C4D5"/>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2" name="Freeform: Shape 141">
              <a:extLst>
                <a:ext uri="{FF2B5EF4-FFF2-40B4-BE49-F238E27FC236}">
                  <a16:creationId xmlns:a16="http://schemas.microsoft.com/office/drawing/2014/main" id="{031BF236-8746-4CA8-8894-9C1CDB38C0A3}"/>
                </a:ext>
              </a:extLst>
            </p:cNvPr>
            <p:cNvSpPr/>
            <p:nvPr/>
          </p:nvSpPr>
          <p:spPr>
            <a:xfrm>
              <a:off x="-1405723" y="3805402"/>
              <a:ext cx="90916" cy="231865"/>
            </a:xfrm>
            <a:custGeom>
              <a:avLst/>
              <a:gdLst>
                <a:gd name="connsiteX0" fmla="*/ 105823 w 184384"/>
                <a:gd name="connsiteY0" fmla="*/ 455581 h 470231"/>
                <a:gd name="connsiteX1" fmla="*/ 175355 w 184384"/>
                <a:gd name="connsiteY1" fmla="*/ 469868 h 470231"/>
                <a:gd name="connsiteX2" fmla="*/ 184309 w 184384"/>
                <a:gd name="connsiteY2" fmla="*/ 469297 h 470231"/>
                <a:gd name="connsiteX3" fmla="*/ 154876 w 184384"/>
                <a:gd name="connsiteY3" fmla="*/ 0 h 470231"/>
                <a:gd name="connsiteX4" fmla="*/ 0 w 184384"/>
                <a:gd name="connsiteY4" fmla="*/ 237744 h 470231"/>
                <a:gd name="connsiteX5" fmla="*/ 42100 w 184384"/>
                <a:gd name="connsiteY5" fmla="*/ 305467 h 470231"/>
                <a:gd name="connsiteX6" fmla="*/ 105823 w 184384"/>
                <a:gd name="connsiteY6" fmla="*/ 455581 h 4702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4384" h="470231">
                  <a:moveTo>
                    <a:pt x="105823" y="455581"/>
                  </a:moveTo>
                  <a:lnTo>
                    <a:pt x="175355" y="469868"/>
                  </a:lnTo>
                  <a:cubicBezTo>
                    <a:pt x="178403" y="470535"/>
                    <a:pt x="181451" y="470249"/>
                    <a:pt x="184309" y="469297"/>
                  </a:cubicBezTo>
                  <a:cubicBezTo>
                    <a:pt x="186118" y="454342"/>
                    <a:pt x="154876" y="0"/>
                    <a:pt x="154876" y="0"/>
                  </a:cubicBezTo>
                  <a:lnTo>
                    <a:pt x="0" y="237744"/>
                  </a:lnTo>
                  <a:lnTo>
                    <a:pt x="42100" y="305467"/>
                  </a:lnTo>
                  <a:lnTo>
                    <a:pt x="105823" y="455581"/>
                  </a:lnTo>
                  <a:close/>
                </a:path>
              </a:pathLst>
            </a:custGeom>
            <a:solidFill>
              <a:srgbClr val="00395D"/>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3" name="Freeform: Shape 142">
              <a:extLst>
                <a:ext uri="{FF2B5EF4-FFF2-40B4-BE49-F238E27FC236}">
                  <a16:creationId xmlns:a16="http://schemas.microsoft.com/office/drawing/2014/main" id="{90AC9212-A3A5-4170-8217-BF6A92480C82}"/>
                </a:ext>
              </a:extLst>
            </p:cNvPr>
            <p:cNvSpPr/>
            <p:nvPr/>
          </p:nvSpPr>
          <p:spPr>
            <a:xfrm>
              <a:off x="-1538450" y="3898538"/>
              <a:ext cx="174997" cy="108164"/>
            </a:xfrm>
            <a:custGeom>
              <a:avLst/>
              <a:gdLst>
                <a:gd name="connsiteX0" fmla="*/ 23050 w 354901"/>
                <a:gd name="connsiteY0" fmla="*/ 0 h 219360"/>
                <a:gd name="connsiteX1" fmla="*/ 9906 w 354901"/>
                <a:gd name="connsiteY1" fmla="*/ 50006 h 219360"/>
                <a:gd name="connsiteX2" fmla="*/ 0 w 354901"/>
                <a:gd name="connsiteY2" fmla="*/ 118015 h 219360"/>
                <a:gd name="connsiteX3" fmla="*/ 354901 w 354901"/>
                <a:gd name="connsiteY3" fmla="*/ 219361 h 219360"/>
                <a:gd name="connsiteX4" fmla="*/ 311277 w 354901"/>
                <a:gd name="connsiteY4" fmla="*/ 116586 h 219360"/>
                <a:gd name="connsiteX5" fmla="*/ 254413 w 354901"/>
                <a:gd name="connsiteY5" fmla="*/ 21145 h 2193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54901" h="219360">
                  <a:moveTo>
                    <a:pt x="23050" y="0"/>
                  </a:moveTo>
                  <a:lnTo>
                    <a:pt x="9906" y="50006"/>
                  </a:lnTo>
                  <a:lnTo>
                    <a:pt x="0" y="118015"/>
                  </a:lnTo>
                  <a:lnTo>
                    <a:pt x="354901" y="219361"/>
                  </a:lnTo>
                  <a:lnTo>
                    <a:pt x="311277" y="116586"/>
                  </a:lnTo>
                  <a:lnTo>
                    <a:pt x="254413" y="21145"/>
                  </a:lnTo>
                  <a:close/>
                </a:path>
              </a:pathLst>
            </a:custGeom>
            <a:solidFill>
              <a:srgbClr val="D9DEE1"/>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4" name="Freeform: Shape 143">
              <a:extLst>
                <a:ext uri="{FF2B5EF4-FFF2-40B4-BE49-F238E27FC236}">
                  <a16:creationId xmlns:a16="http://schemas.microsoft.com/office/drawing/2014/main" id="{054A6150-2284-414B-8B9C-9E9A45120DCF}"/>
                </a:ext>
              </a:extLst>
            </p:cNvPr>
            <p:cNvSpPr/>
            <p:nvPr/>
          </p:nvSpPr>
          <p:spPr>
            <a:xfrm>
              <a:off x="-1556141" y="3670787"/>
              <a:ext cx="226989" cy="255594"/>
            </a:xfrm>
            <a:custGeom>
              <a:avLst/>
              <a:gdLst>
                <a:gd name="connsiteX0" fmla="*/ 13685 w 460345"/>
                <a:gd name="connsiteY0" fmla="*/ 365684 h 518355"/>
                <a:gd name="connsiteX1" fmla="*/ 42164 w 460345"/>
                <a:gd name="connsiteY1" fmla="*/ 353968 h 518355"/>
                <a:gd name="connsiteX2" fmla="*/ 47689 w 460345"/>
                <a:gd name="connsiteY2" fmla="*/ 353206 h 518355"/>
                <a:gd name="connsiteX3" fmla="*/ 234379 w 460345"/>
                <a:gd name="connsiteY3" fmla="*/ 373399 h 518355"/>
                <a:gd name="connsiteX4" fmla="*/ 243142 w 460345"/>
                <a:gd name="connsiteY4" fmla="*/ 364350 h 518355"/>
                <a:gd name="connsiteX5" fmla="*/ 235808 w 460345"/>
                <a:gd name="connsiteY5" fmla="*/ 312439 h 518355"/>
                <a:gd name="connsiteX6" fmla="*/ 230378 w 460345"/>
                <a:gd name="connsiteY6" fmla="*/ 299961 h 518355"/>
                <a:gd name="connsiteX7" fmla="*/ 216377 w 460345"/>
                <a:gd name="connsiteY7" fmla="*/ 282531 h 518355"/>
                <a:gd name="connsiteX8" fmla="*/ 207614 w 460345"/>
                <a:gd name="connsiteY8" fmla="*/ 261195 h 518355"/>
                <a:gd name="connsiteX9" fmla="*/ 194088 w 460345"/>
                <a:gd name="connsiteY9" fmla="*/ 131083 h 518355"/>
                <a:gd name="connsiteX10" fmla="*/ 200470 w 460345"/>
                <a:gd name="connsiteY10" fmla="*/ 106699 h 518355"/>
                <a:gd name="connsiteX11" fmla="*/ 259620 w 460345"/>
                <a:gd name="connsiteY11" fmla="*/ 23165 h 518355"/>
                <a:gd name="connsiteX12" fmla="*/ 281814 w 460345"/>
                <a:gd name="connsiteY12" fmla="*/ 8782 h 518355"/>
                <a:gd name="connsiteX13" fmla="*/ 322390 w 460345"/>
                <a:gd name="connsiteY13" fmla="*/ 686 h 518355"/>
                <a:gd name="connsiteX14" fmla="*/ 355346 w 460345"/>
                <a:gd name="connsiteY14" fmla="*/ 11068 h 518355"/>
                <a:gd name="connsiteX15" fmla="*/ 437833 w 460345"/>
                <a:gd name="connsiteY15" fmla="*/ 97746 h 518355"/>
                <a:gd name="connsiteX16" fmla="*/ 447549 w 460345"/>
                <a:gd name="connsiteY16" fmla="*/ 119367 h 518355"/>
                <a:gd name="connsiteX17" fmla="*/ 460312 w 460345"/>
                <a:gd name="connsiteY17" fmla="*/ 268624 h 518355"/>
                <a:gd name="connsiteX18" fmla="*/ 459836 w 460345"/>
                <a:gd name="connsiteY18" fmla="*/ 273196 h 518355"/>
                <a:gd name="connsiteX19" fmla="*/ 396113 w 460345"/>
                <a:gd name="connsiteY19" fmla="*/ 485032 h 518355"/>
                <a:gd name="connsiteX20" fmla="*/ 384874 w 460345"/>
                <a:gd name="connsiteY20" fmla="*/ 493700 h 518355"/>
                <a:gd name="connsiteX21" fmla="*/ 368205 w 460345"/>
                <a:gd name="connsiteY21" fmla="*/ 494271 h 518355"/>
                <a:gd name="connsiteX22" fmla="*/ 360014 w 460345"/>
                <a:gd name="connsiteY22" fmla="*/ 497796 h 518355"/>
                <a:gd name="connsiteX23" fmla="*/ 343059 w 460345"/>
                <a:gd name="connsiteY23" fmla="*/ 514750 h 518355"/>
                <a:gd name="connsiteX24" fmla="*/ 332296 w 460345"/>
                <a:gd name="connsiteY24" fmla="*/ 518179 h 518355"/>
                <a:gd name="connsiteX25" fmla="*/ 67310 w 460345"/>
                <a:gd name="connsiteY25" fmla="*/ 471602 h 518355"/>
                <a:gd name="connsiteX26" fmla="*/ 57405 w 460345"/>
                <a:gd name="connsiteY26" fmla="*/ 473031 h 518355"/>
                <a:gd name="connsiteX27" fmla="*/ 41117 w 460345"/>
                <a:gd name="connsiteY27" fmla="*/ 481222 h 518355"/>
                <a:gd name="connsiteX28" fmla="*/ 32925 w 460345"/>
                <a:gd name="connsiteY28" fmla="*/ 479317 h 518355"/>
                <a:gd name="connsiteX29" fmla="*/ 2159 w 460345"/>
                <a:gd name="connsiteY29" fmla="*/ 438550 h 518355"/>
                <a:gd name="connsiteX30" fmla="*/ 64 w 460345"/>
                <a:gd name="connsiteY30" fmla="*/ 430835 h 518355"/>
                <a:gd name="connsiteX31" fmla="*/ 7398 w 460345"/>
                <a:gd name="connsiteY31" fmla="*/ 374161 h 518355"/>
                <a:gd name="connsiteX32" fmla="*/ 13685 w 460345"/>
                <a:gd name="connsiteY32" fmla="*/ 365684 h 5183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460345" h="518355">
                  <a:moveTo>
                    <a:pt x="13685" y="365684"/>
                  </a:moveTo>
                  <a:lnTo>
                    <a:pt x="42164" y="353968"/>
                  </a:lnTo>
                  <a:cubicBezTo>
                    <a:pt x="43879" y="353206"/>
                    <a:pt x="45784" y="353016"/>
                    <a:pt x="47689" y="353206"/>
                  </a:cubicBezTo>
                  <a:lnTo>
                    <a:pt x="234379" y="373399"/>
                  </a:lnTo>
                  <a:cubicBezTo>
                    <a:pt x="239522" y="373971"/>
                    <a:pt x="243904" y="369494"/>
                    <a:pt x="243142" y="364350"/>
                  </a:cubicBezTo>
                  <a:lnTo>
                    <a:pt x="235808" y="312439"/>
                  </a:lnTo>
                  <a:cubicBezTo>
                    <a:pt x="235141" y="307867"/>
                    <a:pt x="233331" y="303581"/>
                    <a:pt x="230378" y="299961"/>
                  </a:cubicBezTo>
                  <a:lnTo>
                    <a:pt x="216377" y="282531"/>
                  </a:lnTo>
                  <a:cubicBezTo>
                    <a:pt x="211424" y="276435"/>
                    <a:pt x="208376" y="269005"/>
                    <a:pt x="207614" y="261195"/>
                  </a:cubicBezTo>
                  <a:lnTo>
                    <a:pt x="194088" y="131083"/>
                  </a:lnTo>
                  <a:cubicBezTo>
                    <a:pt x="193231" y="122415"/>
                    <a:pt x="195422" y="113748"/>
                    <a:pt x="200470" y="106699"/>
                  </a:cubicBezTo>
                  <a:lnTo>
                    <a:pt x="259620" y="23165"/>
                  </a:lnTo>
                  <a:cubicBezTo>
                    <a:pt x="264859" y="15735"/>
                    <a:pt x="272860" y="10592"/>
                    <a:pt x="281814" y="8782"/>
                  </a:cubicBezTo>
                  <a:lnTo>
                    <a:pt x="322390" y="686"/>
                  </a:lnTo>
                  <a:cubicBezTo>
                    <a:pt x="334487" y="-1695"/>
                    <a:pt x="346869" y="2210"/>
                    <a:pt x="355346" y="11068"/>
                  </a:cubicBezTo>
                  <a:lnTo>
                    <a:pt x="437833" y="97746"/>
                  </a:lnTo>
                  <a:cubicBezTo>
                    <a:pt x="443453" y="103651"/>
                    <a:pt x="446882" y="111271"/>
                    <a:pt x="447549" y="119367"/>
                  </a:cubicBezTo>
                  <a:lnTo>
                    <a:pt x="460312" y="268624"/>
                  </a:lnTo>
                  <a:cubicBezTo>
                    <a:pt x="460407" y="270148"/>
                    <a:pt x="460312" y="271672"/>
                    <a:pt x="459836" y="273196"/>
                  </a:cubicBezTo>
                  <a:lnTo>
                    <a:pt x="396113" y="485032"/>
                  </a:lnTo>
                  <a:cubicBezTo>
                    <a:pt x="394590" y="489985"/>
                    <a:pt x="390113" y="493509"/>
                    <a:pt x="384874" y="493700"/>
                  </a:cubicBezTo>
                  <a:lnTo>
                    <a:pt x="368205" y="494271"/>
                  </a:lnTo>
                  <a:cubicBezTo>
                    <a:pt x="365157" y="494367"/>
                    <a:pt x="362204" y="495700"/>
                    <a:pt x="360014" y="497796"/>
                  </a:cubicBezTo>
                  <a:lnTo>
                    <a:pt x="343059" y="514750"/>
                  </a:lnTo>
                  <a:cubicBezTo>
                    <a:pt x="340202" y="517608"/>
                    <a:pt x="336201" y="518846"/>
                    <a:pt x="332296" y="518179"/>
                  </a:cubicBezTo>
                  <a:lnTo>
                    <a:pt x="67310" y="471602"/>
                  </a:lnTo>
                  <a:cubicBezTo>
                    <a:pt x="63977" y="471030"/>
                    <a:pt x="60452" y="471507"/>
                    <a:pt x="57405" y="473031"/>
                  </a:cubicBezTo>
                  <a:lnTo>
                    <a:pt x="41117" y="481222"/>
                  </a:lnTo>
                  <a:cubicBezTo>
                    <a:pt x="38259" y="482651"/>
                    <a:pt x="34830" y="481794"/>
                    <a:pt x="32925" y="479317"/>
                  </a:cubicBezTo>
                  <a:lnTo>
                    <a:pt x="2159" y="438550"/>
                  </a:lnTo>
                  <a:cubicBezTo>
                    <a:pt x="445" y="436359"/>
                    <a:pt x="-222" y="433597"/>
                    <a:pt x="64" y="430835"/>
                  </a:cubicBezTo>
                  <a:lnTo>
                    <a:pt x="7398" y="374161"/>
                  </a:lnTo>
                  <a:cubicBezTo>
                    <a:pt x="7779" y="370256"/>
                    <a:pt x="10256" y="367113"/>
                    <a:pt x="13685" y="365684"/>
                  </a:cubicBezTo>
                  <a:close/>
                </a:path>
              </a:pathLst>
            </a:custGeom>
            <a:solidFill>
              <a:srgbClr val="E9F1FB"/>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5" name="Freeform: Shape 144">
              <a:extLst>
                <a:ext uri="{FF2B5EF4-FFF2-40B4-BE49-F238E27FC236}">
                  <a16:creationId xmlns:a16="http://schemas.microsoft.com/office/drawing/2014/main" id="{7579775D-8608-4DA1-8950-D7711EE7D132}"/>
                </a:ext>
              </a:extLst>
            </p:cNvPr>
            <p:cNvSpPr/>
            <p:nvPr/>
          </p:nvSpPr>
          <p:spPr>
            <a:xfrm>
              <a:off x="-1540375" y="3639030"/>
              <a:ext cx="74910" cy="50785"/>
            </a:xfrm>
            <a:custGeom>
              <a:avLst/>
              <a:gdLst>
                <a:gd name="connsiteX0" fmla="*/ 0 w 151922"/>
                <a:gd name="connsiteY0" fmla="*/ 2988 h 102995"/>
                <a:gd name="connsiteX1" fmla="*/ 190 w 151922"/>
                <a:gd name="connsiteY1" fmla="*/ 14037 h 102995"/>
                <a:gd name="connsiteX2" fmla="*/ 24574 w 151922"/>
                <a:gd name="connsiteY2" fmla="*/ 56328 h 102995"/>
                <a:gd name="connsiteX3" fmla="*/ 94774 w 151922"/>
                <a:gd name="connsiteY3" fmla="*/ 98810 h 102995"/>
                <a:gd name="connsiteX4" fmla="*/ 136779 w 151922"/>
                <a:gd name="connsiteY4" fmla="*/ 83570 h 102995"/>
                <a:gd name="connsiteX5" fmla="*/ 151733 w 151922"/>
                <a:gd name="connsiteY5" fmla="*/ 39660 h 102995"/>
                <a:gd name="connsiteX6" fmla="*/ 147828 w 151922"/>
                <a:gd name="connsiteY6" fmla="*/ 35183 h 102995"/>
                <a:gd name="connsiteX7" fmla="*/ 107537 w 151922"/>
                <a:gd name="connsiteY7" fmla="*/ 42898 h 102995"/>
                <a:gd name="connsiteX8" fmla="*/ 47244 w 151922"/>
                <a:gd name="connsiteY8" fmla="*/ 30135 h 102995"/>
                <a:gd name="connsiteX9" fmla="*/ 4667 w 151922"/>
                <a:gd name="connsiteY9" fmla="*/ 512 h 102995"/>
                <a:gd name="connsiteX10" fmla="*/ 0 w 151922"/>
                <a:gd name="connsiteY10" fmla="*/ 2988 h 1029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1922" h="102995">
                  <a:moveTo>
                    <a:pt x="0" y="2988"/>
                  </a:moveTo>
                  <a:lnTo>
                    <a:pt x="190" y="14037"/>
                  </a:lnTo>
                  <a:cubicBezTo>
                    <a:pt x="476" y="31373"/>
                    <a:pt x="9715" y="47375"/>
                    <a:pt x="24574" y="56328"/>
                  </a:cubicBezTo>
                  <a:lnTo>
                    <a:pt x="94774" y="98810"/>
                  </a:lnTo>
                  <a:cubicBezTo>
                    <a:pt x="110395" y="108335"/>
                    <a:pt x="130873" y="100905"/>
                    <a:pt x="136779" y="83570"/>
                  </a:cubicBezTo>
                  <a:lnTo>
                    <a:pt x="151733" y="39660"/>
                  </a:lnTo>
                  <a:cubicBezTo>
                    <a:pt x="152590" y="37183"/>
                    <a:pt x="150400" y="34611"/>
                    <a:pt x="147828" y="35183"/>
                  </a:cubicBezTo>
                  <a:lnTo>
                    <a:pt x="107537" y="42898"/>
                  </a:lnTo>
                  <a:cubicBezTo>
                    <a:pt x="86487" y="46899"/>
                    <a:pt x="64770" y="42327"/>
                    <a:pt x="47244" y="30135"/>
                  </a:cubicBezTo>
                  <a:lnTo>
                    <a:pt x="4667" y="512"/>
                  </a:lnTo>
                  <a:cubicBezTo>
                    <a:pt x="2572" y="-822"/>
                    <a:pt x="0" y="607"/>
                    <a:pt x="0" y="2988"/>
                  </a:cubicBezTo>
                  <a:close/>
                </a:path>
              </a:pathLst>
            </a:custGeom>
            <a:solidFill>
              <a:srgbClr val="EFF1F3"/>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6" name="Freeform: Shape 145">
              <a:extLst>
                <a:ext uri="{FF2B5EF4-FFF2-40B4-BE49-F238E27FC236}">
                  <a16:creationId xmlns:a16="http://schemas.microsoft.com/office/drawing/2014/main" id="{024BF329-74C8-4264-B2F8-427E91DD509D}"/>
                </a:ext>
              </a:extLst>
            </p:cNvPr>
            <p:cNvSpPr/>
            <p:nvPr/>
          </p:nvSpPr>
          <p:spPr>
            <a:xfrm>
              <a:off x="-1534305" y="3573345"/>
              <a:ext cx="42761" cy="76754"/>
            </a:xfrm>
            <a:custGeom>
              <a:avLst/>
              <a:gdLst>
                <a:gd name="connsiteX0" fmla="*/ 8738 w 86721"/>
                <a:gd name="connsiteY0" fmla="*/ 153536 h 155659"/>
                <a:gd name="connsiteX1" fmla="*/ 2546 w 86721"/>
                <a:gd name="connsiteY1" fmla="*/ 155060 h 155659"/>
                <a:gd name="connsiteX2" fmla="*/ 546 w 86721"/>
                <a:gd name="connsiteY2" fmla="*/ 148583 h 155659"/>
                <a:gd name="connsiteX3" fmla="*/ 77699 w 86721"/>
                <a:gd name="connsiteY3" fmla="*/ 2565 h 155659"/>
                <a:gd name="connsiteX4" fmla="*/ 84176 w 86721"/>
                <a:gd name="connsiteY4" fmla="*/ 564 h 155659"/>
                <a:gd name="connsiteX5" fmla="*/ 86176 w 86721"/>
                <a:gd name="connsiteY5" fmla="*/ 7041 h 155659"/>
                <a:gd name="connsiteX6" fmla="*/ 9023 w 86721"/>
                <a:gd name="connsiteY6" fmla="*/ 153060 h 155659"/>
                <a:gd name="connsiteX7" fmla="*/ 8738 w 86721"/>
                <a:gd name="connsiteY7" fmla="*/ 153536 h 1556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6721" h="155659">
                  <a:moveTo>
                    <a:pt x="8738" y="153536"/>
                  </a:moveTo>
                  <a:cubicBezTo>
                    <a:pt x="7404" y="155536"/>
                    <a:pt x="4737" y="156298"/>
                    <a:pt x="2546" y="155060"/>
                  </a:cubicBezTo>
                  <a:cubicBezTo>
                    <a:pt x="260" y="153822"/>
                    <a:pt x="-692" y="150964"/>
                    <a:pt x="546" y="148583"/>
                  </a:cubicBezTo>
                  <a:lnTo>
                    <a:pt x="77699" y="2565"/>
                  </a:lnTo>
                  <a:cubicBezTo>
                    <a:pt x="79032" y="183"/>
                    <a:pt x="81794" y="-674"/>
                    <a:pt x="84176" y="564"/>
                  </a:cubicBezTo>
                  <a:cubicBezTo>
                    <a:pt x="86462" y="1803"/>
                    <a:pt x="87414" y="4660"/>
                    <a:pt x="86176" y="7041"/>
                  </a:cubicBezTo>
                  <a:lnTo>
                    <a:pt x="9023" y="153060"/>
                  </a:lnTo>
                  <a:cubicBezTo>
                    <a:pt x="8928" y="153250"/>
                    <a:pt x="8833" y="153441"/>
                    <a:pt x="8738" y="153536"/>
                  </a:cubicBezTo>
                  <a:close/>
                </a:path>
              </a:pathLst>
            </a:custGeom>
            <a:solidFill>
              <a:srgbClr val="EFF1F3"/>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47" name="Freeform: Shape 146">
              <a:extLst>
                <a:ext uri="{FF2B5EF4-FFF2-40B4-BE49-F238E27FC236}">
                  <a16:creationId xmlns:a16="http://schemas.microsoft.com/office/drawing/2014/main" id="{C4A1F563-C34B-4643-B402-6D241C0D4371}"/>
                </a:ext>
              </a:extLst>
            </p:cNvPr>
            <p:cNvSpPr/>
            <p:nvPr/>
          </p:nvSpPr>
          <p:spPr>
            <a:xfrm>
              <a:off x="-1470731" y="3569483"/>
              <a:ext cx="11050" cy="92019"/>
            </a:xfrm>
            <a:custGeom>
              <a:avLst/>
              <a:gdLst>
                <a:gd name="connsiteX0" fmla="*/ 8395 w 22410"/>
                <a:gd name="connsiteY0" fmla="*/ 184893 h 186616"/>
                <a:gd name="connsiteX1" fmla="*/ 4395 w 22410"/>
                <a:gd name="connsiteY1" fmla="*/ 186608 h 186616"/>
                <a:gd name="connsiteX2" fmla="*/ 13 w 22410"/>
                <a:gd name="connsiteY2" fmla="*/ 181560 h 186616"/>
                <a:gd name="connsiteX3" fmla="*/ 12967 w 22410"/>
                <a:gd name="connsiteY3" fmla="*/ 4395 h 186616"/>
                <a:gd name="connsiteX4" fmla="*/ 18015 w 22410"/>
                <a:gd name="connsiteY4" fmla="*/ 13 h 186616"/>
                <a:gd name="connsiteX5" fmla="*/ 22397 w 22410"/>
                <a:gd name="connsiteY5" fmla="*/ 5061 h 186616"/>
                <a:gd name="connsiteX6" fmla="*/ 9443 w 22410"/>
                <a:gd name="connsiteY6" fmla="*/ 182226 h 186616"/>
                <a:gd name="connsiteX7" fmla="*/ 8395 w 22410"/>
                <a:gd name="connsiteY7" fmla="*/ 184893 h 1866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2410" h="186616">
                  <a:moveTo>
                    <a:pt x="8395" y="184893"/>
                  </a:moveTo>
                  <a:cubicBezTo>
                    <a:pt x="7443" y="186036"/>
                    <a:pt x="6014" y="186703"/>
                    <a:pt x="4395" y="186608"/>
                  </a:cubicBezTo>
                  <a:cubicBezTo>
                    <a:pt x="1728" y="186417"/>
                    <a:pt x="-177" y="184131"/>
                    <a:pt x="13" y="181560"/>
                  </a:cubicBezTo>
                  <a:lnTo>
                    <a:pt x="12967" y="4395"/>
                  </a:lnTo>
                  <a:cubicBezTo>
                    <a:pt x="13158" y="1728"/>
                    <a:pt x="15444" y="-177"/>
                    <a:pt x="18015" y="13"/>
                  </a:cubicBezTo>
                  <a:cubicBezTo>
                    <a:pt x="20682" y="204"/>
                    <a:pt x="22587" y="2490"/>
                    <a:pt x="22397" y="5061"/>
                  </a:cubicBezTo>
                  <a:lnTo>
                    <a:pt x="9443" y="182226"/>
                  </a:lnTo>
                  <a:cubicBezTo>
                    <a:pt x="9443" y="183274"/>
                    <a:pt x="8967" y="184227"/>
                    <a:pt x="8395" y="184893"/>
                  </a:cubicBezTo>
                  <a:close/>
                </a:path>
              </a:pathLst>
            </a:custGeom>
            <a:solidFill>
              <a:srgbClr val="EFF1F3"/>
            </a:solid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panose="020F0502020204030204"/>
                <a:ea typeface="+mn-ea"/>
                <a:cs typeface="+mn-cs"/>
              </a:endParaRPr>
            </a:p>
          </p:txBody>
        </p:sp>
      </p:grpSp>
      <p:pic>
        <p:nvPicPr>
          <p:cNvPr id="149" name="Picture 148" descr="Graphical user interface&#10;&#10;Description automatically generated with low confidence">
            <a:extLst>
              <a:ext uri="{FF2B5EF4-FFF2-40B4-BE49-F238E27FC236}">
                <a16:creationId xmlns:a16="http://schemas.microsoft.com/office/drawing/2014/main" id="{66F199B4-16C4-4D15-BB34-CF68765629EE}"/>
              </a:ext>
            </a:extLst>
          </p:cNvPr>
          <p:cNvPicPr>
            <a:picLocks noChangeAspect="1"/>
          </p:cNvPicPr>
          <p:nvPr/>
        </p:nvPicPr>
        <p:blipFill>
          <a:blip r:embed="rId43" cstate="screen">
            <a:extLst>
              <a:ext uri="{28A0092B-C50C-407E-A947-70E740481C1C}">
                <a14:useLocalDpi xmlns:a14="http://schemas.microsoft.com/office/drawing/2010/main"/>
              </a:ext>
            </a:extLst>
          </a:blip>
          <a:stretch>
            <a:fillRect/>
          </a:stretch>
        </p:blipFill>
        <p:spPr>
          <a:xfrm>
            <a:off x="11010000" y="5071957"/>
            <a:ext cx="703841" cy="271579"/>
          </a:xfrm>
          <a:prstGeom prst="rect">
            <a:avLst/>
          </a:prstGeom>
        </p:spPr>
      </p:pic>
      <p:pic>
        <p:nvPicPr>
          <p:cNvPr id="152" name="Picture 151" descr="Icon&#10;&#10;Description automatically generated">
            <a:extLst>
              <a:ext uri="{FF2B5EF4-FFF2-40B4-BE49-F238E27FC236}">
                <a16:creationId xmlns:a16="http://schemas.microsoft.com/office/drawing/2014/main" id="{E25CE224-B358-411A-8EB2-73D056580BD9}"/>
              </a:ext>
            </a:extLst>
          </p:cNvPr>
          <p:cNvPicPr>
            <a:picLocks noChangeAspect="1"/>
          </p:cNvPicPr>
          <p:nvPr/>
        </p:nvPicPr>
        <p:blipFill>
          <a:blip r:embed="rId44" cstate="screen">
            <a:extLst>
              <a:ext uri="{28A0092B-C50C-407E-A947-70E740481C1C}">
                <a14:useLocalDpi xmlns:a14="http://schemas.microsoft.com/office/drawing/2010/main"/>
              </a:ext>
            </a:extLst>
          </a:blip>
          <a:stretch>
            <a:fillRect/>
          </a:stretch>
        </p:blipFill>
        <p:spPr>
          <a:xfrm>
            <a:off x="11765297" y="4989518"/>
            <a:ext cx="123104" cy="243982"/>
          </a:xfrm>
          <a:prstGeom prst="rect">
            <a:avLst/>
          </a:prstGeom>
        </p:spPr>
      </p:pic>
      <p:pic>
        <p:nvPicPr>
          <p:cNvPr id="153" name="Graphic 152">
            <a:extLst>
              <a:ext uri="{FF2B5EF4-FFF2-40B4-BE49-F238E27FC236}">
                <a16:creationId xmlns:a16="http://schemas.microsoft.com/office/drawing/2014/main" id="{B4D74263-D501-40CC-B4E1-30A2680DEAC0}"/>
              </a:ext>
            </a:extLst>
          </p:cNvPr>
          <p:cNvPicPr>
            <a:picLocks noChangeAspect="1"/>
          </p:cNvPicPr>
          <p:nvPr>
            <p:custDataLst>
              <p:tags r:id="rId13"/>
            </p:custDataLst>
          </p:nvPr>
        </p:nvPicPr>
        <p:blipFill>
          <a:blip r:embed="rId41" cstate="screen">
            <a:extLst>
              <a:ext uri="{28A0092B-C50C-407E-A947-70E740481C1C}">
                <a14:useLocalDpi xmlns:a14="http://schemas.microsoft.com/office/drawing/2010/main"/>
              </a:ext>
              <a:ext uri="{96DAC541-7B7A-43D3-8B79-37D633B846F1}">
                <asvg:svgBlip xmlns:asvg="http://schemas.microsoft.com/office/drawing/2016/SVG/main" r:embed="rId42"/>
              </a:ext>
            </a:extLst>
          </a:blip>
          <a:srcRect/>
          <a:stretch>
            <a:fillRect/>
          </a:stretch>
        </p:blipFill>
        <p:spPr>
          <a:xfrm flipH="1">
            <a:off x="4705502" y="5155525"/>
            <a:ext cx="441673" cy="331254"/>
          </a:xfrm>
          <a:prstGeom prst="rect">
            <a:avLst/>
          </a:prstGeom>
        </p:spPr>
      </p:pic>
      <p:pic>
        <p:nvPicPr>
          <p:cNvPr id="154" name="Picture 153" descr="Icon&#10;&#10;Description automatically generated">
            <a:extLst>
              <a:ext uri="{FF2B5EF4-FFF2-40B4-BE49-F238E27FC236}">
                <a16:creationId xmlns:a16="http://schemas.microsoft.com/office/drawing/2014/main" id="{E0A01EF3-F32F-4D13-96FA-87C8840BD4DB}"/>
              </a:ext>
            </a:extLst>
          </p:cNvPr>
          <p:cNvPicPr>
            <a:picLocks noChangeAspect="1"/>
          </p:cNvPicPr>
          <p:nvPr/>
        </p:nvPicPr>
        <p:blipFill>
          <a:blip r:embed="rId45" cstate="screen">
            <a:extLst>
              <a:ext uri="{28A0092B-C50C-407E-A947-70E740481C1C}">
                <a14:useLocalDpi xmlns:a14="http://schemas.microsoft.com/office/drawing/2010/main"/>
              </a:ext>
            </a:extLst>
          </a:blip>
          <a:stretch>
            <a:fillRect/>
          </a:stretch>
        </p:blipFill>
        <p:spPr>
          <a:xfrm flipH="1">
            <a:off x="9438001" y="5844423"/>
            <a:ext cx="134160" cy="147192"/>
          </a:xfrm>
          <a:prstGeom prst="rect">
            <a:avLst/>
          </a:prstGeom>
        </p:spPr>
      </p:pic>
    </p:spTree>
    <p:extLst>
      <p:ext uri="{BB962C8B-B14F-4D97-AF65-F5344CB8AC3E}">
        <p14:creationId xmlns:p14="http://schemas.microsoft.com/office/powerpoint/2010/main" val="2035273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79B9E80C-FEBD-4D28-8343-88D6E83EBC98}"/>
              </a:ext>
            </a:extLst>
          </p:cNvPr>
          <p:cNvPicPr>
            <a:picLocks noChangeAspect="1"/>
          </p:cNvPicPr>
          <p:nvPr>
            <p:custDataLst>
              <p:tags r:id="rId1"/>
            </p:custDataLst>
          </p:nvPr>
        </p:nvPicPr>
        <p:blipFill rotWithShape="1">
          <a:blip r:embed="rId7">
            <a:extLst>
              <a:ext uri="{28A0092B-C50C-407E-A947-70E740481C1C}">
                <a14:useLocalDpi xmlns:a14="http://schemas.microsoft.com/office/drawing/2010/main" val="0"/>
              </a:ext>
            </a:extLst>
          </a:blip>
          <a:srcRect/>
          <a:stretch/>
        </p:blipFill>
        <p:spPr>
          <a:xfrm>
            <a:off x="0" y="0"/>
            <a:ext cx="12192000" cy="6858000"/>
          </a:xfrm>
          <a:prstGeom prst="rect">
            <a:avLst/>
          </a:prstGeom>
        </p:spPr>
      </p:pic>
      <p:sp>
        <p:nvSpPr>
          <p:cNvPr id="2" name="Title 1">
            <a:extLst>
              <a:ext uri="{FF2B5EF4-FFF2-40B4-BE49-F238E27FC236}">
                <a16:creationId xmlns:a16="http://schemas.microsoft.com/office/drawing/2014/main" id="{23641B2B-9728-4083-8212-8709E59B20A4}"/>
              </a:ext>
            </a:extLst>
          </p:cNvPr>
          <p:cNvSpPr>
            <a:spLocks noGrp="1"/>
          </p:cNvSpPr>
          <p:nvPr>
            <p:ph type="ctrTitle"/>
          </p:nvPr>
        </p:nvSpPr>
        <p:spPr>
          <a:xfrm>
            <a:off x="957896" y="572281"/>
            <a:ext cx="5938560" cy="1172304"/>
          </a:xfrm>
        </p:spPr>
        <p:txBody>
          <a:bodyPr anchor="t"/>
          <a:lstStyle/>
          <a:p>
            <a:r>
              <a:rPr lang="en-GB" sz="3600" dirty="0" err="1">
                <a:latin typeface="+mn-lt"/>
              </a:rPr>
              <a:t>Nasazení</a:t>
            </a:r>
            <a:r>
              <a:rPr lang="en-GB" sz="3600" dirty="0">
                <a:latin typeface="+mn-lt"/>
              </a:rPr>
              <a:t> </a:t>
            </a:r>
            <a:r>
              <a:rPr lang="en-GB" sz="3600" dirty="0" err="1">
                <a:latin typeface="+mn-lt"/>
              </a:rPr>
              <a:t>pokročilých</a:t>
            </a:r>
            <a:r>
              <a:rPr lang="en-GB" sz="3600" dirty="0">
                <a:latin typeface="+mn-lt"/>
              </a:rPr>
              <a:t> video </a:t>
            </a:r>
            <a:r>
              <a:rPr lang="en-GB" sz="3600" dirty="0" err="1">
                <a:latin typeface="+mn-lt"/>
              </a:rPr>
              <a:t>technologií</a:t>
            </a:r>
            <a:r>
              <a:rPr lang="en-GB" sz="3600" dirty="0">
                <a:latin typeface="+mn-lt"/>
              </a:rPr>
              <a:t> </a:t>
            </a:r>
            <a:r>
              <a:rPr lang="en-GB" sz="3600" dirty="0" err="1">
                <a:latin typeface="+mn-lt"/>
              </a:rPr>
              <a:t>ve</a:t>
            </a:r>
            <a:r>
              <a:rPr lang="en-GB" sz="3600" dirty="0">
                <a:latin typeface="+mn-lt"/>
              </a:rPr>
              <a:t> </a:t>
            </a:r>
            <a:r>
              <a:rPr lang="en-GB" sz="3600" dirty="0" err="1">
                <a:latin typeface="+mn-lt"/>
              </a:rPr>
              <a:t>městech</a:t>
            </a:r>
            <a:r>
              <a:rPr lang="en-GB" sz="3600" dirty="0">
                <a:latin typeface="+mn-lt"/>
              </a:rPr>
              <a:t> </a:t>
            </a:r>
            <a:r>
              <a:rPr lang="en-GB" sz="3600" dirty="0" err="1">
                <a:latin typeface="+mn-lt"/>
              </a:rPr>
              <a:t>může</a:t>
            </a:r>
            <a:r>
              <a:rPr lang="en-GB" sz="3600" dirty="0">
                <a:latin typeface="+mn-lt"/>
              </a:rPr>
              <a:t> </a:t>
            </a:r>
            <a:r>
              <a:rPr lang="en-GB" sz="3600" dirty="0" err="1">
                <a:latin typeface="+mn-lt"/>
              </a:rPr>
              <a:t>mít</a:t>
            </a:r>
            <a:r>
              <a:rPr lang="en-GB" sz="3600" dirty="0">
                <a:latin typeface="+mn-lt"/>
              </a:rPr>
              <a:t> </a:t>
            </a:r>
            <a:r>
              <a:rPr lang="en-GB" sz="3600" dirty="0" err="1">
                <a:latin typeface="+mn-lt"/>
              </a:rPr>
              <a:t>obrovský</a:t>
            </a:r>
            <a:r>
              <a:rPr lang="en-GB" sz="3600" dirty="0">
                <a:latin typeface="+mn-lt"/>
              </a:rPr>
              <a:t> </a:t>
            </a:r>
            <a:r>
              <a:rPr lang="en-GB" sz="3600" dirty="0" err="1">
                <a:latin typeface="+mn-lt"/>
              </a:rPr>
              <a:t>dopad</a:t>
            </a:r>
            <a:endParaRPr lang="en-GB" sz="3600" dirty="0">
              <a:latin typeface="+mn-lt"/>
            </a:endParaRPr>
          </a:p>
        </p:txBody>
      </p:sp>
      <p:sp>
        <p:nvSpPr>
          <p:cNvPr id="3" name="Footer Placeholder 2">
            <a:extLst>
              <a:ext uri="{FF2B5EF4-FFF2-40B4-BE49-F238E27FC236}">
                <a16:creationId xmlns:a16="http://schemas.microsoft.com/office/drawing/2014/main" id="{E8711295-64E8-4F99-909C-458BF87AFBA2}"/>
              </a:ext>
            </a:extLst>
          </p:cNvPr>
          <p:cNvSpPr>
            <a:spLocks noGrp="1"/>
          </p:cNvSpPr>
          <p:nvPr>
            <p:ph type="ftr" sz="quarter" idx="24"/>
          </p:nvPr>
        </p:nvSpPr>
        <p:spPr/>
        <p:txBody>
          <a:bodyPr/>
          <a:lstStyle/>
          <a:p>
            <a:r>
              <a:rPr lang="en-GB" dirty="0"/>
              <a:t>Source: McKinsey</a:t>
            </a:r>
          </a:p>
        </p:txBody>
      </p:sp>
      <p:sp>
        <p:nvSpPr>
          <p:cNvPr id="4" name="Text Placeholder 3">
            <a:extLst>
              <a:ext uri="{FF2B5EF4-FFF2-40B4-BE49-F238E27FC236}">
                <a16:creationId xmlns:a16="http://schemas.microsoft.com/office/drawing/2014/main" id="{E8544400-05A6-4DF0-98CC-F72F3843C15F}"/>
              </a:ext>
            </a:extLst>
          </p:cNvPr>
          <p:cNvSpPr>
            <a:spLocks noGrp="1"/>
          </p:cNvSpPr>
          <p:nvPr>
            <p:ph type="body" sz="quarter" idx="26"/>
          </p:nvPr>
        </p:nvSpPr>
        <p:spPr/>
        <p:txBody>
          <a:bodyPr/>
          <a:lstStyle/>
          <a:p>
            <a:endParaRPr lang="en-GB"/>
          </a:p>
        </p:txBody>
      </p:sp>
      <p:sp>
        <p:nvSpPr>
          <p:cNvPr id="8" name="Freeform: Shape 7">
            <a:extLst>
              <a:ext uri="{FF2B5EF4-FFF2-40B4-BE49-F238E27FC236}">
                <a16:creationId xmlns:a16="http://schemas.microsoft.com/office/drawing/2014/main" id="{06D077AE-8CF1-4D6F-AE88-4F7A9AB9DF3F}"/>
              </a:ext>
            </a:extLst>
          </p:cNvPr>
          <p:cNvSpPr/>
          <p:nvPr/>
        </p:nvSpPr>
        <p:spPr>
          <a:xfrm rot="8100000">
            <a:off x="578134" y="706446"/>
            <a:ext cx="226504" cy="231690"/>
          </a:xfrm>
          <a:custGeom>
            <a:avLst/>
            <a:gdLst>
              <a:gd name="connsiteX0" fmla="*/ 270510 w 270510"/>
              <a:gd name="connsiteY0" fmla="*/ 0 h 276704"/>
              <a:gd name="connsiteX1" fmla="*/ 270510 w 270510"/>
              <a:gd name="connsiteY1" fmla="*/ 91440 h 276704"/>
              <a:gd name="connsiteX2" fmla="*/ 91440 w 270510"/>
              <a:gd name="connsiteY2" fmla="*/ 91440 h 276704"/>
              <a:gd name="connsiteX3" fmla="*/ 91440 w 270510"/>
              <a:gd name="connsiteY3" fmla="*/ 276704 h 276704"/>
              <a:gd name="connsiteX4" fmla="*/ 0 w 270510"/>
              <a:gd name="connsiteY4" fmla="*/ 276704 h 276704"/>
              <a:gd name="connsiteX5" fmla="*/ 0 w 270510"/>
              <a:gd name="connsiteY5" fmla="*/ 10004 h 276704"/>
              <a:gd name="connsiteX6" fmla="*/ 3810 w 270510"/>
              <a:gd name="connsiteY6" fmla="*/ 10004 h 276704"/>
              <a:gd name="connsiteX7" fmla="*/ 3810 w 270510"/>
              <a:gd name="connsiteY7" fmla="*/ 0 h 2767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70510" h="276704">
                <a:moveTo>
                  <a:pt x="270510" y="0"/>
                </a:moveTo>
                <a:lnTo>
                  <a:pt x="270510" y="91440"/>
                </a:lnTo>
                <a:lnTo>
                  <a:pt x="91440" y="91440"/>
                </a:lnTo>
                <a:lnTo>
                  <a:pt x="91440" y="276704"/>
                </a:lnTo>
                <a:lnTo>
                  <a:pt x="0" y="276704"/>
                </a:lnTo>
                <a:lnTo>
                  <a:pt x="0" y="10004"/>
                </a:lnTo>
                <a:lnTo>
                  <a:pt x="3810" y="10004"/>
                </a:lnTo>
                <a:lnTo>
                  <a:pt x="3810" y="0"/>
                </a:lnTo>
                <a:close/>
              </a:path>
            </a:pathLst>
          </a:cu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grpSp>
        <p:nvGrpSpPr>
          <p:cNvPr id="46" name="Group 45">
            <a:extLst>
              <a:ext uri="{FF2B5EF4-FFF2-40B4-BE49-F238E27FC236}">
                <a16:creationId xmlns:a16="http://schemas.microsoft.com/office/drawing/2014/main" id="{900A5B2D-70CA-40EA-A30E-899AA17EE0C2}"/>
              </a:ext>
            </a:extLst>
          </p:cNvPr>
          <p:cNvGrpSpPr/>
          <p:nvPr/>
        </p:nvGrpSpPr>
        <p:grpSpPr>
          <a:xfrm>
            <a:off x="9494118" y="4750000"/>
            <a:ext cx="2057618" cy="2116711"/>
            <a:chOff x="9707764" y="4750000"/>
            <a:chExt cx="2057618" cy="2116711"/>
          </a:xfrm>
        </p:grpSpPr>
        <p:sp>
          <p:nvSpPr>
            <p:cNvPr id="35" name="Freeform: Shape 34">
              <a:extLst>
                <a:ext uri="{FF2B5EF4-FFF2-40B4-BE49-F238E27FC236}">
                  <a16:creationId xmlns:a16="http://schemas.microsoft.com/office/drawing/2014/main" id="{60D50115-F2CF-4B0A-AE2B-F4E3C1ABEF43}"/>
                </a:ext>
              </a:extLst>
            </p:cNvPr>
            <p:cNvSpPr/>
            <p:nvPr/>
          </p:nvSpPr>
          <p:spPr>
            <a:xfrm rot="10800000">
              <a:off x="9707765" y="4750000"/>
              <a:ext cx="2057617" cy="2116711"/>
            </a:xfrm>
            <a:custGeom>
              <a:avLst/>
              <a:gdLst>
                <a:gd name="connsiteX0" fmla="*/ 0 w 3539778"/>
                <a:gd name="connsiteY0" fmla="*/ 0 h 3385372"/>
                <a:gd name="connsiteX1" fmla="*/ 139100 w 3539778"/>
                <a:gd name="connsiteY1" fmla="*/ 0 h 3385372"/>
                <a:gd name="connsiteX2" fmla="*/ 460210 w 3539778"/>
                <a:gd name="connsiteY2" fmla="*/ 0 h 3385372"/>
                <a:gd name="connsiteX3" fmla="*/ 810811 w 3539778"/>
                <a:gd name="connsiteY3" fmla="*/ 0 h 3385372"/>
                <a:gd name="connsiteX4" fmla="*/ 1325817 w 3539778"/>
                <a:gd name="connsiteY4" fmla="*/ 0 h 3385372"/>
                <a:gd name="connsiteX5" fmla="*/ 1651859 w 3539778"/>
                <a:gd name="connsiteY5" fmla="*/ 0 h 3385372"/>
                <a:gd name="connsiteX6" fmla="*/ 1676418 w 3539778"/>
                <a:gd name="connsiteY6" fmla="*/ 0 h 3385372"/>
                <a:gd name="connsiteX7" fmla="*/ 2002460 w 3539778"/>
                <a:gd name="connsiteY7" fmla="*/ 0 h 3385372"/>
                <a:gd name="connsiteX8" fmla="*/ 2323570 w 3539778"/>
                <a:gd name="connsiteY8" fmla="*/ 0 h 3385372"/>
                <a:gd name="connsiteX9" fmla="*/ 2674171 w 3539778"/>
                <a:gd name="connsiteY9" fmla="*/ 0 h 3385372"/>
                <a:gd name="connsiteX10" fmla="*/ 3189177 w 3539778"/>
                <a:gd name="connsiteY10" fmla="*/ 0 h 3385372"/>
                <a:gd name="connsiteX11" fmla="*/ 3539778 w 3539778"/>
                <a:gd name="connsiteY11" fmla="*/ 0 h 3385372"/>
                <a:gd name="connsiteX12" fmla="*/ 3539778 w 3539778"/>
                <a:gd name="connsiteY12" fmla="*/ 87258 h 3385372"/>
                <a:gd name="connsiteX13" fmla="*/ 3539778 w 3539778"/>
                <a:gd name="connsiteY13" fmla="*/ 301441 h 3385372"/>
                <a:gd name="connsiteX14" fmla="*/ 3539778 w 3539778"/>
                <a:gd name="connsiteY14" fmla="*/ 388699 h 3385372"/>
                <a:gd name="connsiteX15" fmla="*/ 3539778 w 3539778"/>
                <a:gd name="connsiteY15" fmla="*/ 450353 h 3385372"/>
                <a:gd name="connsiteX16" fmla="*/ 3539778 w 3539778"/>
                <a:gd name="connsiteY16" fmla="*/ 528021 h 3385372"/>
                <a:gd name="connsiteX17" fmla="*/ 3539778 w 3539778"/>
                <a:gd name="connsiteY17" fmla="*/ 537611 h 3385372"/>
                <a:gd name="connsiteX18" fmla="*/ 3539778 w 3539778"/>
                <a:gd name="connsiteY18" fmla="*/ 615279 h 3385372"/>
                <a:gd name="connsiteX19" fmla="*/ 3539778 w 3539778"/>
                <a:gd name="connsiteY19" fmla="*/ 751794 h 3385372"/>
                <a:gd name="connsiteX20" fmla="*/ 3539778 w 3539778"/>
                <a:gd name="connsiteY20" fmla="*/ 829462 h 3385372"/>
                <a:gd name="connsiteX21" fmla="*/ 3539778 w 3539778"/>
                <a:gd name="connsiteY21" fmla="*/ 839052 h 3385372"/>
                <a:gd name="connsiteX22" fmla="*/ 3539778 w 3539778"/>
                <a:gd name="connsiteY22" fmla="*/ 916720 h 3385372"/>
                <a:gd name="connsiteX23" fmla="*/ 3539778 w 3539778"/>
                <a:gd name="connsiteY23" fmla="*/ 978374 h 3385372"/>
                <a:gd name="connsiteX24" fmla="*/ 3539778 w 3539778"/>
                <a:gd name="connsiteY24" fmla="*/ 1065632 h 3385372"/>
                <a:gd name="connsiteX25" fmla="*/ 3539778 w 3539778"/>
                <a:gd name="connsiteY25" fmla="*/ 1279815 h 3385372"/>
                <a:gd name="connsiteX26" fmla="*/ 3539778 w 3539778"/>
                <a:gd name="connsiteY26" fmla="*/ 1367073 h 3385372"/>
                <a:gd name="connsiteX27" fmla="*/ 3539778 w 3539778"/>
                <a:gd name="connsiteY27" fmla="*/ 1702927 h 3385372"/>
                <a:gd name="connsiteX28" fmla="*/ 3539778 w 3539778"/>
                <a:gd name="connsiteY28" fmla="*/ 1790185 h 3385372"/>
                <a:gd name="connsiteX29" fmla="*/ 3539778 w 3539778"/>
                <a:gd name="connsiteY29" fmla="*/ 2004369 h 3385372"/>
                <a:gd name="connsiteX30" fmla="*/ 3539778 w 3539778"/>
                <a:gd name="connsiteY30" fmla="*/ 2091627 h 3385372"/>
                <a:gd name="connsiteX31" fmla="*/ 3539778 w 3539778"/>
                <a:gd name="connsiteY31" fmla="*/ 2153280 h 3385372"/>
                <a:gd name="connsiteX32" fmla="*/ 3539778 w 3539778"/>
                <a:gd name="connsiteY32" fmla="*/ 2230948 h 3385372"/>
                <a:gd name="connsiteX33" fmla="*/ 3539778 w 3539778"/>
                <a:gd name="connsiteY33" fmla="*/ 2240538 h 3385372"/>
                <a:gd name="connsiteX34" fmla="*/ 3539778 w 3539778"/>
                <a:gd name="connsiteY34" fmla="*/ 2318206 h 3385372"/>
                <a:gd name="connsiteX35" fmla="*/ 3539778 w 3539778"/>
                <a:gd name="connsiteY35" fmla="*/ 2454722 h 3385372"/>
                <a:gd name="connsiteX36" fmla="*/ 3539778 w 3539778"/>
                <a:gd name="connsiteY36" fmla="*/ 2532389 h 3385372"/>
                <a:gd name="connsiteX37" fmla="*/ 3539778 w 3539778"/>
                <a:gd name="connsiteY37" fmla="*/ 2541980 h 3385372"/>
                <a:gd name="connsiteX38" fmla="*/ 3539778 w 3539778"/>
                <a:gd name="connsiteY38" fmla="*/ 2619647 h 3385372"/>
                <a:gd name="connsiteX39" fmla="*/ 3539778 w 3539778"/>
                <a:gd name="connsiteY39" fmla="*/ 2681301 h 3385372"/>
                <a:gd name="connsiteX40" fmla="*/ 3539778 w 3539778"/>
                <a:gd name="connsiteY40" fmla="*/ 2768559 h 3385372"/>
                <a:gd name="connsiteX41" fmla="*/ 3539778 w 3539778"/>
                <a:gd name="connsiteY41" fmla="*/ 2982742 h 3385372"/>
                <a:gd name="connsiteX42" fmla="*/ 3539778 w 3539778"/>
                <a:gd name="connsiteY42" fmla="*/ 3070000 h 3385372"/>
                <a:gd name="connsiteX43" fmla="*/ 3224406 w 3539778"/>
                <a:gd name="connsiteY43" fmla="*/ 3385372 h 3385372"/>
                <a:gd name="connsiteX44" fmla="*/ 2873805 w 3539778"/>
                <a:gd name="connsiteY44" fmla="*/ 3385372 h 3385372"/>
                <a:gd name="connsiteX45" fmla="*/ 2358799 w 3539778"/>
                <a:gd name="connsiteY45" fmla="*/ 3385372 h 3385372"/>
                <a:gd name="connsiteX46" fmla="*/ 2008198 w 3539778"/>
                <a:gd name="connsiteY46" fmla="*/ 3385372 h 3385372"/>
                <a:gd name="connsiteX47" fmla="*/ 1687088 w 3539778"/>
                <a:gd name="connsiteY47" fmla="*/ 3385372 h 3385372"/>
                <a:gd name="connsiteX48" fmla="*/ 1676418 w 3539778"/>
                <a:gd name="connsiteY48" fmla="*/ 3385372 h 3385372"/>
                <a:gd name="connsiteX49" fmla="*/ 1336487 w 3539778"/>
                <a:gd name="connsiteY49" fmla="*/ 3385372 h 3385372"/>
                <a:gd name="connsiteX50" fmla="*/ 1325817 w 3539778"/>
                <a:gd name="connsiteY50" fmla="*/ 3385372 h 3385372"/>
                <a:gd name="connsiteX51" fmla="*/ 810811 w 3539778"/>
                <a:gd name="connsiteY51" fmla="*/ 3385372 h 3385372"/>
                <a:gd name="connsiteX52" fmla="*/ 460210 w 3539778"/>
                <a:gd name="connsiteY52" fmla="*/ 3385372 h 3385372"/>
                <a:gd name="connsiteX53" fmla="*/ 139100 w 3539778"/>
                <a:gd name="connsiteY53" fmla="*/ 3385372 h 3385372"/>
                <a:gd name="connsiteX54" fmla="*/ 0 w 3539778"/>
                <a:gd name="connsiteY54" fmla="*/ 3385372 h 3385372"/>
                <a:gd name="connsiteX55" fmla="*/ 0 w 3539778"/>
                <a:gd name="connsiteY55" fmla="*/ 3298114 h 3385372"/>
                <a:gd name="connsiteX56" fmla="*/ 0 w 3539778"/>
                <a:gd name="connsiteY56" fmla="*/ 87258 h 33853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3539778" h="3385372">
                  <a:moveTo>
                    <a:pt x="0" y="0"/>
                  </a:moveTo>
                  <a:lnTo>
                    <a:pt x="139100" y="0"/>
                  </a:lnTo>
                  <a:lnTo>
                    <a:pt x="460210" y="0"/>
                  </a:lnTo>
                  <a:lnTo>
                    <a:pt x="810811" y="0"/>
                  </a:lnTo>
                  <a:lnTo>
                    <a:pt x="1325817" y="0"/>
                  </a:lnTo>
                  <a:lnTo>
                    <a:pt x="1651859" y="0"/>
                  </a:lnTo>
                  <a:lnTo>
                    <a:pt x="1676418" y="0"/>
                  </a:lnTo>
                  <a:lnTo>
                    <a:pt x="2002460" y="0"/>
                  </a:lnTo>
                  <a:lnTo>
                    <a:pt x="2323570" y="0"/>
                  </a:lnTo>
                  <a:lnTo>
                    <a:pt x="2674171" y="0"/>
                  </a:lnTo>
                  <a:lnTo>
                    <a:pt x="3189177" y="0"/>
                  </a:lnTo>
                  <a:lnTo>
                    <a:pt x="3539778" y="0"/>
                  </a:lnTo>
                  <a:lnTo>
                    <a:pt x="3539778" y="87258"/>
                  </a:lnTo>
                  <a:lnTo>
                    <a:pt x="3539778" y="301441"/>
                  </a:lnTo>
                  <a:lnTo>
                    <a:pt x="3539778" y="388699"/>
                  </a:lnTo>
                  <a:lnTo>
                    <a:pt x="3539778" y="450353"/>
                  </a:lnTo>
                  <a:lnTo>
                    <a:pt x="3539778" y="528021"/>
                  </a:lnTo>
                  <a:lnTo>
                    <a:pt x="3539778" y="537611"/>
                  </a:lnTo>
                  <a:lnTo>
                    <a:pt x="3539778" y="615279"/>
                  </a:lnTo>
                  <a:lnTo>
                    <a:pt x="3539778" y="751794"/>
                  </a:lnTo>
                  <a:lnTo>
                    <a:pt x="3539778" y="829462"/>
                  </a:lnTo>
                  <a:lnTo>
                    <a:pt x="3539778" y="839052"/>
                  </a:lnTo>
                  <a:lnTo>
                    <a:pt x="3539778" y="916720"/>
                  </a:lnTo>
                  <a:lnTo>
                    <a:pt x="3539778" y="978374"/>
                  </a:lnTo>
                  <a:lnTo>
                    <a:pt x="3539778" y="1065632"/>
                  </a:lnTo>
                  <a:lnTo>
                    <a:pt x="3539778" y="1279815"/>
                  </a:lnTo>
                  <a:lnTo>
                    <a:pt x="3539778" y="1367073"/>
                  </a:lnTo>
                  <a:lnTo>
                    <a:pt x="3539778" y="1702927"/>
                  </a:lnTo>
                  <a:lnTo>
                    <a:pt x="3539778" y="1790185"/>
                  </a:lnTo>
                  <a:lnTo>
                    <a:pt x="3539778" y="2004369"/>
                  </a:lnTo>
                  <a:lnTo>
                    <a:pt x="3539778" y="2091627"/>
                  </a:lnTo>
                  <a:lnTo>
                    <a:pt x="3539778" y="2153280"/>
                  </a:lnTo>
                  <a:lnTo>
                    <a:pt x="3539778" y="2230948"/>
                  </a:lnTo>
                  <a:lnTo>
                    <a:pt x="3539778" y="2240538"/>
                  </a:lnTo>
                  <a:lnTo>
                    <a:pt x="3539778" y="2318206"/>
                  </a:lnTo>
                  <a:lnTo>
                    <a:pt x="3539778" y="2454722"/>
                  </a:lnTo>
                  <a:lnTo>
                    <a:pt x="3539778" y="2532389"/>
                  </a:lnTo>
                  <a:lnTo>
                    <a:pt x="3539778" y="2541980"/>
                  </a:lnTo>
                  <a:lnTo>
                    <a:pt x="3539778" y="2619647"/>
                  </a:lnTo>
                  <a:lnTo>
                    <a:pt x="3539778" y="2681301"/>
                  </a:lnTo>
                  <a:lnTo>
                    <a:pt x="3539778" y="2768559"/>
                  </a:lnTo>
                  <a:lnTo>
                    <a:pt x="3539778" y="2982742"/>
                  </a:lnTo>
                  <a:lnTo>
                    <a:pt x="3539778" y="3070000"/>
                  </a:lnTo>
                  <a:lnTo>
                    <a:pt x="3224406" y="3385372"/>
                  </a:lnTo>
                  <a:lnTo>
                    <a:pt x="2873805" y="3385372"/>
                  </a:lnTo>
                  <a:lnTo>
                    <a:pt x="2358799" y="3385372"/>
                  </a:lnTo>
                  <a:lnTo>
                    <a:pt x="2008198" y="3385372"/>
                  </a:lnTo>
                  <a:lnTo>
                    <a:pt x="1687088" y="3385372"/>
                  </a:lnTo>
                  <a:lnTo>
                    <a:pt x="1676418" y="3385372"/>
                  </a:lnTo>
                  <a:lnTo>
                    <a:pt x="1336487" y="3385372"/>
                  </a:lnTo>
                  <a:lnTo>
                    <a:pt x="1325817" y="3385372"/>
                  </a:lnTo>
                  <a:lnTo>
                    <a:pt x="810811" y="3385372"/>
                  </a:lnTo>
                  <a:lnTo>
                    <a:pt x="460210" y="3385372"/>
                  </a:lnTo>
                  <a:lnTo>
                    <a:pt x="139100" y="3385372"/>
                  </a:lnTo>
                  <a:lnTo>
                    <a:pt x="0" y="3385372"/>
                  </a:lnTo>
                  <a:lnTo>
                    <a:pt x="0" y="3298114"/>
                  </a:lnTo>
                  <a:lnTo>
                    <a:pt x="0" y="87258"/>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37" name="TextBox 36">
              <a:extLst>
                <a:ext uri="{FF2B5EF4-FFF2-40B4-BE49-F238E27FC236}">
                  <a16:creationId xmlns:a16="http://schemas.microsoft.com/office/drawing/2014/main" id="{204750DB-40D3-497B-9C93-2AFFECD2A679}"/>
                </a:ext>
              </a:extLst>
            </p:cNvPr>
            <p:cNvSpPr txBox="1"/>
            <p:nvPr/>
          </p:nvSpPr>
          <p:spPr>
            <a:xfrm>
              <a:off x="9707764" y="5468946"/>
              <a:ext cx="2057617" cy="954107"/>
            </a:xfrm>
            <a:prstGeom prst="rect">
              <a:avLst/>
            </a:prstGeom>
            <a:noFill/>
          </p:spPr>
          <p:txBody>
            <a:bodyPr wrap="square">
              <a:spAutoFit/>
            </a:bodyPr>
            <a:lstStyle/>
            <a:p>
              <a:pPr algn="ctr"/>
              <a:r>
                <a:rPr lang="en-GB" sz="2800" b="1" dirty="0">
                  <a:solidFill>
                    <a:schemeClr val="accent2"/>
                  </a:solidFill>
                  <a:latin typeface="Open Sans" panose="020B0606030504020204" pitchFamily="34" charset="0"/>
                </a:rPr>
                <a:t>15-30 min </a:t>
              </a:r>
              <a:endParaRPr lang="en-GB" dirty="0"/>
            </a:p>
            <a:p>
              <a:pPr algn="ctr"/>
              <a:r>
                <a:rPr lang="en-GB" sz="1400" dirty="0" err="1">
                  <a:solidFill>
                    <a:srgbClr val="303436"/>
                  </a:solidFill>
                  <a:latin typeface="+mj-lt"/>
                </a:rPr>
                <a:t>Rychlejší</a:t>
              </a:r>
              <a:r>
                <a:rPr lang="en-GB" sz="1400" dirty="0">
                  <a:solidFill>
                    <a:srgbClr val="303436"/>
                  </a:solidFill>
                  <a:latin typeface="+mj-lt"/>
                </a:rPr>
                <a:t> </a:t>
              </a:r>
              <a:r>
                <a:rPr lang="en-GB" sz="1400" dirty="0" err="1">
                  <a:solidFill>
                    <a:srgbClr val="303436"/>
                  </a:solidFill>
                  <a:latin typeface="+mj-lt"/>
                </a:rPr>
                <a:t>reakce</a:t>
              </a:r>
              <a:r>
                <a:rPr lang="en-GB" sz="1400" dirty="0">
                  <a:solidFill>
                    <a:srgbClr val="303436"/>
                  </a:solidFill>
                  <a:latin typeface="+mj-lt"/>
                </a:rPr>
                <a:t> </a:t>
              </a:r>
              <a:r>
                <a:rPr lang="en-GB" sz="1400" dirty="0" err="1">
                  <a:solidFill>
                    <a:srgbClr val="303436"/>
                  </a:solidFill>
                  <a:latin typeface="+mj-lt"/>
                </a:rPr>
                <a:t>na</a:t>
              </a:r>
              <a:r>
                <a:rPr lang="en-GB" sz="1400" dirty="0">
                  <a:solidFill>
                    <a:srgbClr val="303436"/>
                  </a:solidFill>
                  <a:latin typeface="+mj-lt"/>
                </a:rPr>
                <a:t> </a:t>
              </a:r>
              <a:r>
                <a:rPr lang="en-GB" sz="1400" dirty="0" err="1">
                  <a:solidFill>
                    <a:srgbClr val="303436"/>
                  </a:solidFill>
                  <a:latin typeface="+mj-lt"/>
                </a:rPr>
                <a:t>nouzové</a:t>
              </a:r>
              <a:r>
                <a:rPr lang="en-GB" sz="1400" dirty="0">
                  <a:solidFill>
                    <a:srgbClr val="303436"/>
                  </a:solidFill>
                  <a:latin typeface="+mj-lt"/>
                </a:rPr>
                <a:t> </a:t>
              </a:r>
              <a:r>
                <a:rPr lang="en-GB" sz="1400" dirty="0" err="1">
                  <a:solidFill>
                    <a:srgbClr val="303436"/>
                  </a:solidFill>
                  <a:latin typeface="+mj-lt"/>
                </a:rPr>
                <a:t>situace</a:t>
              </a:r>
              <a:endParaRPr lang="en-GB" sz="1400" dirty="0">
                <a:latin typeface="+mj-lt"/>
              </a:endParaRPr>
            </a:p>
          </p:txBody>
        </p:sp>
        <p:pic>
          <p:nvPicPr>
            <p:cNvPr id="10" name="Graphic 9">
              <a:extLst>
                <a:ext uri="{FF2B5EF4-FFF2-40B4-BE49-F238E27FC236}">
                  <a16:creationId xmlns:a16="http://schemas.microsoft.com/office/drawing/2014/main" id="{02DC69B5-CFEB-4920-978D-A10B7A4DB795}"/>
                </a:ext>
              </a:extLst>
            </p:cNvPr>
            <p:cNvPicPr>
              <a:picLocks noChangeAspect="1"/>
            </p:cNvPicPr>
            <p:nvPr>
              <p:custDataLst>
                <p:tags r:id="rId4"/>
              </p:custDataLst>
            </p:nvPr>
          </p:nvPicPr>
          <p:blipFill>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rcRect/>
            <a:stretch>
              <a:fillRect/>
            </a:stretch>
          </p:blipFill>
          <p:spPr>
            <a:xfrm>
              <a:off x="10340292" y="4790404"/>
              <a:ext cx="794905" cy="794905"/>
            </a:xfrm>
            <a:prstGeom prst="rect">
              <a:avLst/>
            </a:prstGeom>
          </p:spPr>
        </p:pic>
      </p:grpSp>
      <p:grpSp>
        <p:nvGrpSpPr>
          <p:cNvPr id="47" name="Group 46">
            <a:extLst>
              <a:ext uri="{FF2B5EF4-FFF2-40B4-BE49-F238E27FC236}">
                <a16:creationId xmlns:a16="http://schemas.microsoft.com/office/drawing/2014/main" id="{CD9EB012-0D51-4469-B6BC-BBC9B4626775}"/>
              </a:ext>
            </a:extLst>
          </p:cNvPr>
          <p:cNvGrpSpPr/>
          <p:nvPr/>
        </p:nvGrpSpPr>
        <p:grpSpPr>
          <a:xfrm>
            <a:off x="7285691" y="4741289"/>
            <a:ext cx="2057618" cy="2116711"/>
            <a:chOff x="7428121" y="4741289"/>
            <a:chExt cx="2057618" cy="2116711"/>
          </a:xfrm>
        </p:grpSpPr>
        <p:sp>
          <p:nvSpPr>
            <p:cNvPr id="28" name="Freeform: Shape 27">
              <a:extLst>
                <a:ext uri="{FF2B5EF4-FFF2-40B4-BE49-F238E27FC236}">
                  <a16:creationId xmlns:a16="http://schemas.microsoft.com/office/drawing/2014/main" id="{E93FC3F5-5FBE-4F89-AB9C-08289F122816}"/>
                </a:ext>
              </a:extLst>
            </p:cNvPr>
            <p:cNvSpPr/>
            <p:nvPr/>
          </p:nvSpPr>
          <p:spPr>
            <a:xfrm rot="10800000">
              <a:off x="7428122" y="4741289"/>
              <a:ext cx="2057617" cy="2116711"/>
            </a:xfrm>
            <a:custGeom>
              <a:avLst/>
              <a:gdLst>
                <a:gd name="connsiteX0" fmla="*/ 0 w 3539778"/>
                <a:gd name="connsiteY0" fmla="*/ 0 h 3385372"/>
                <a:gd name="connsiteX1" fmla="*/ 139100 w 3539778"/>
                <a:gd name="connsiteY1" fmla="*/ 0 h 3385372"/>
                <a:gd name="connsiteX2" fmla="*/ 460210 w 3539778"/>
                <a:gd name="connsiteY2" fmla="*/ 0 h 3385372"/>
                <a:gd name="connsiteX3" fmla="*/ 810811 w 3539778"/>
                <a:gd name="connsiteY3" fmla="*/ 0 h 3385372"/>
                <a:gd name="connsiteX4" fmla="*/ 1325817 w 3539778"/>
                <a:gd name="connsiteY4" fmla="*/ 0 h 3385372"/>
                <a:gd name="connsiteX5" fmla="*/ 1651859 w 3539778"/>
                <a:gd name="connsiteY5" fmla="*/ 0 h 3385372"/>
                <a:gd name="connsiteX6" fmla="*/ 1676418 w 3539778"/>
                <a:gd name="connsiteY6" fmla="*/ 0 h 3385372"/>
                <a:gd name="connsiteX7" fmla="*/ 2002460 w 3539778"/>
                <a:gd name="connsiteY7" fmla="*/ 0 h 3385372"/>
                <a:gd name="connsiteX8" fmla="*/ 2323570 w 3539778"/>
                <a:gd name="connsiteY8" fmla="*/ 0 h 3385372"/>
                <a:gd name="connsiteX9" fmla="*/ 2674171 w 3539778"/>
                <a:gd name="connsiteY9" fmla="*/ 0 h 3385372"/>
                <a:gd name="connsiteX10" fmla="*/ 3189177 w 3539778"/>
                <a:gd name="connsiteY10" fmla="*/ 0 h 3385372"/>
                <a:gd name="connsiteX11" fmla="*/ 3539778 w 3539778"/>
                <a:gd name="connsiteY11" fmla="*/ 0 h 3385372"/>
                <a:gd name="connsiteX12" fmla="*/ 3539778 w 3539778"/>
                <a:gd name="connsiteY12" fmla="*/ 87258 h 3385372"/>
                <a:gd name="connsiteX13" fmla="*/ 3539778 w 3539778"/>
                <a:gd name="connsiteY13" fmla="*/ 301441 h 3385372"/>
                <a:gd name="connsiteX14" fmla="*/ 3539778 w 3539778"/>
                <a:gd name="connsiteY14" fmla="*/ 388699 h 3385372"/>
                <a:gd name="connsiteX15" fmla="*/ 3539778 w 3539778"/>
                <a:gd name="connsiteY15" fmla="*/ 450353 h 3385372"/>
                <a:gd name="connsiteX16" fmla="*/ 3539778 w 3539778"/>
                <a:gd name="connsiteY16" fmla="*/ 528021 h 3385372"/>
                <a:gd name="connsiteX17" fmla="*/ 3539778 w 3539778"/>
                <a:gd name="connsiteY17" fmla="*/ 537611 h 3385372"/>
                <a:gd name="connsiteX18" fmla="*/ 3539778 w 3539778"/>
                <a:gd name="connsiteY18" fmla="*/ 615279 h 3385372"/>
                <a:gd name="connsiteX19" fmla="*/ 3539778 w 3539778"/>
                <a:gd name="connsiteY19" fmla="*/ 751794 h 3385372"/>
                <a:gd name="connsiteX20" fmla="*/ 3539778 w 3539778"/>
                <a:gd name="connsiteY20" fmla="*/ 829462 h 3385372"/>
                <a:gd name="connsiteX21" fmla="*/ 3539778 w 3539778"/>
                <a:gd name="connsiteY21" fmla="*/ 839052 h 3385372"/>
                <a:gd name="connsiteX22" fmla="*/ 3539778 w 3539778"/>
                <a:gd name="connsiteY22" fmla="*/ 916720 h 3385372"/>
                <a:gd name="connsiteX23" fmla="*/ 3539778 w 3539778"/>
                <a:gd name="connsiteY23" fmla="*/ 978374 h 3385372"/>
                <a:gd name="connsiteX24" fmla="*/ 3539778 w 3539778"/>
                <a:gd name="connsiteY24" fmla="*/ 1065632 h 3385372"/>
                <a:gd name="connsiteX25" fmla="*/ 3539778 w 3539778"/>
                <a:gd name="connsiteY25" fmla="*/ 1279815 h 3385372"/>
                <a:gd name="connsiteX26" fmla="*/ 3539778 w 3539778"/>
                <a:gd name="connsiteY26" fmla="*/ 1367073 h 3385372"/>
                <a:gd name="connsiteX27" fmla="*/ 3539778 w 3539778"/>
                <a:gd name="connsiteY27" fmla="*/ 1702927 h 3385372"/>
                <a:gd name="connsiteX28" fmla="*/ 3539778 w 3539778"/>
                <a:gd name="connsiteY28" fmla="*/ 1790185 h 3385372"/>
                <a:gd name="connsiteX29" fmla="*/ 3539778 w 3539778"/>
                <a:gd name="connsiteY29" fmla="*/ 2004369 h 3385372"/>
                <a:gd name="connsiteX30" fmla="*/ 3539778 w 3539778"/>
                <a:gd name="connsiteY30" fmla="*/ 2091627 h 3385372"/>
                <a:gd name="connsiteX31" fmla="*/ 3539778 w 3539778"/>
                <a:gd name="connsiteY31" fmla="*/ 2153280 h 3385372"/>
                <a:gd name="connsiteX32" fmla="*/ 3539778 w 3539778"/>
                <a:gd name="connsiteY32" fmla="*/ 2230948 h 3385372"/>
                <a:gd name="connsiteX33" fmla="*/ 3539778 w 3539778"/>
                <a:gd name="connsiteY33" fmla="*/ 2240538 h 3385372"/>
                <a:gd name="connsiteX34" fmla="*/ 3539778 w 3539778"/>
                <a:gd name="connsiteY34" fmla="*/ 2318206 h 3385372"/>
                <a:gd name="connsiteX35" fmla="*/ 3539778 w 3539778"/>
                <a:gd name="connsiteY35" fmla="*/ 2454722 h 3385372"/>
                <a:gd name="connsiteX36" fmla="*/ 3539778 w 3539778"/>
                <a:gd name="connsiteY36" fmla="*/ 2532389 h 3385372"/>
                <a:gd name="connsiteX37" fmla="*/ 3539778 w 3539778"/>
                <a:gd name="connsiteY37" fmla="*/ 2541980 h 3385372"/>
                <a:gd name="connsiteX38" fmla="*/ 3539778 w 3539778"/>
                <a:gd name="connsiteY38" fmla="*/ 2619647 h 3385372"/>
                <a:gd name="connsiteX39" fmla="*/ 3539778 w 3539778"/>
                <a:gd name="connsiteY39" fmla="*/ 2681301 h 3385372"/>
                <a:gd name="connsiteX40" fmla="*/ 3539778 w 3539778"/>
                <a:gd name="connsiteY40" fmla="*/ 2768559 h 3385372"/>
                <a:gd name="connsiteX41" fmla="*/ 3539778 w 3539778"/>
                <a:gd name="connsiteY41" fmla="*/ 2982742 h 3385372"/>
                <a:gd name="connsiteX42" fmla="*/ 3539778 w 3539778"/>
                <a:gd name="connsiteY42" fmla="*/ 3070000 h 3385372"/>
                <a:gd name="connsiteX43" fmla="*/ 3224406 w 3539778"/>
                <a:gd name="connsiteY43" fmla="*/ 3385372 h 3385372"/>
                <a:gd name="connsiteX44" fmla="*/ 2873805 w 3539778"/>
                <a:gd name="connsiteY44" fmla="*/ 3385372 h 3385372"/>
                <a:gd name="connsiteX45" fmla="*/ 2358799 w 3539778"/>
                <a:gd name="connsiteY45" fmla="*/ 3385372 h 3385372"/>
                <a:gd name="connsiteX46" fmla="*/ 2008198 w 3539778"/>
                <a:gd name="connsiteY46" fmla="*/ 3385372 h 3385372"/>
                <a:gd name="connsiteX47" fmla="*/ 1687088 w 3539778"/>
                <a:gd name="connsiteY47" fmla="*/ 3385372 h 3385372"/>
                <a:gd name="connsiteX48" fmla="*/ 1676418 w 3539778"/>
                <a:gd name="connsiteY48" fmla="*/ 3385372 h 3385372"/>
                <a:gd name="connsiteX49" fmla="*/ 1336487 w 3539778"/>
                <a:gd name="connsiteY49" fmla="*/ 3385372 h 3385372"/>
                <a:gd name="connsiteX50" fmla="*/ 1325817 w 3539778"/>
                <a:gd name="connsiteY50" fmla="*/ 3385372 h 3385372"/>
                <a:gd name="connsiteX51" fmla="*/ 810811 w 3539778"/>
                <a:gd name="connsiteY51" fmla="*/ 3385372 h 3385372"/>
                <a:gd name="connsiteX52" fmla="*/ 460210 w 3539778"/>
                <a:gd name="connsiteY52" fmla="*/ 3385372 h 3385372"/>
                <a:gd name="connsiteX53" fmla="*/ 139100 w 3539778"/>
                <a:gd name="connsiteY53" fmla="*/ 3385372 h 3385372"/>
                <a:gd name="connsiteX54" fmla="*/ 0 w 3539778"/>
                <a:gd name="connsiteY54" fmla="*/ 3385372 h 3385372"/>
                <a:gd name="connsiteX55" fmla="*/ 0 w 3539778"/>
                <a:gd name="connsiteY55" fmla="*/ 3298114 h 3385372"/>
                <a:gd name="connsiteX56" fmla="*/ 0 w 3539778"/>
                <a:gd name="connsiteY56" fmla="*/ 87258 h 33853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3539778" h="3385372">
                  <a:moveTo>
                    <a:pt x="0" y="0"/>
                  </a:moveTo>
                  <a:lnTo>
                    <a:pt x="139100" y="0"/>
                  </a:lnTo>
                  <a:lnTo>
                    <a:pt x="460210" y="0"/>
                  </a:lnTo>
                  <a:lnTo>
                    <a:pt x="810811" y="0"/>
                  </a:lnTo>
                  <a:lnTo>
                    <a:pt x="1325817" y="0"/>
                  </a:lnTo>
                  <a:lnTo>
                    <a:pt x="1651859" y="0"/>
                  </a:lnTo>
                  <a:lnTo>
                    <a:pt x="1676418" y="0"/>
                  </a:lnTo>
                  <a:lnTo>
                    <a:pt x="2002460" y="0"/>
                  </a:lnTo>
                  <a:lnTo>
                    <a:pt x="2323570" y="0"/>
                  </a:lnTo>
                  <a:lnTo>
                    <a:pt x="2674171" y="0"/>
                  </a:lnTo>
                  <a:lnTo>
                    <a:pt x="3189177" y="0"/>
                  </a:lnTo>
                  <a:lnTo>
                    <a:pt x="3539778" y="0"/>
                  </a:lnTo>
                  <a:lnTo>
                    <a:pt x="3539778" y="87258"/>
                  </a:lnTo>
                  <a:lnTo>
                    <a:pt x="3539778" y="301441"/>
                  </a:lnTo>
                  <a:lnTo>
                    <a:pt x="3539778" y="388699"/>
                  </a:lnTo>
                  <a:lnTo>
                    <a:pt x="3539778" y="450353"/>
                  </a:lnTo>
                  <a:lnTo>
                    <a:pt x="3539778" y="528021"/>
                  </a:lnTo>
                  <a:lnTo>
                    <a:pt x="3539778" y="537611"/>
                  </a:lnTo>
                  <a:lnTo>
                    <a:pt x="3539778" y="615279"/>
                  </a:lnTo>
                  <a:lnTo>
                    <a:pt x="3539778" y="751794"/>
                  </a:lnTo>
                  <a:lnTo>
                    <a:pt x="3539778" y="829462"/>
                  </a:lnTo>
                  <a:lnTo>
                    <a:pt x="3539778" y="839052"/>
                  </a:lnTo>
                  <a:lnTo>
                    <a:pt x="3539778" y="916720"/>
                  </a:lnTo>
                  <a:lnTo>
                    <a:pt x="3539778" y="978374"/>
                  </a:lnTo>
                  <a:lnTo>
                    <a:pt x="3539778" y="1065632"/>
                  </a:lnTo>
                  <a:lnTo>
                    <a:pt x="3539778" y="1279815"/>
                  </a:lnTo>
                  <a:lnTo>
                    <a:pt x="3539778" y="1367073"/>
                  </a:lnTo>
                  <a:lnTo>
                    <a:pt x="3539778" y="1702927"/>
                  </a:lnTo>
                  <a:lnTo>
                    <a:pt x="3539778" y="1790185"/>
                  </a:lnTo>
                  <a:lnTo>
                    <a:pt x="3539778" y="2004369"/>
                  </a:lnTo>
                  <a:lnTo>
                    <a:pt x="3539778" y="2091627"/>
                  </a:lnTo>
                  <a:lnTo>
                    <a:pt x="3539778" y="2153280"/>
                  </a:lnTo>
                  <a:lnTo>
                    <a:pt x="3539778" y="2230948"/>
                  </a:lnTo>
                  <a:lnTo>
                    <a:pt x="3539778" y="2240538"/>
                  </a:lnTo>
                  <a:lnTo>
                    <a:pt x="3539778" y="2318206"/>
                  </a:lnTo>
                  <a:lnTo>
                    <a:pt x="3539778" y="2454722"/>
                  </a:lnTo>
                  <a:lnTo>
                    <a:pt x="3539778" y="2532389"/>
                  </a:lnTo>
                  <a:lnTo>
                    <a:pt x="3539778" y="2541980"/>
                  </a:lnTo>
                  <a:lnTo>
                    <a:pt x="3539778" y="2619647"/>
                  </a:lnTo>
                  <a:lnTo>
                    <a:pt x="3539778" y="2681301"/>
                  </a:lnTo>
                  <a:lnTo>
                    <a:pt x="3539778" y="2768559"/>
                  </a:lnTo>
                  <a:lnTo>
                    <a:pt x="3539778" y="2982742"/>
                  </a:lnTo>
                  <a:lnTo>
                    <a:pt x="3539778" y="3070000"/>
                  </a:lnTo>
                  <a:lnTo>
                    <a:pt x="3224406" y="3385372"/>
                  </a:lnTo>
                  <a:lnTo>
                    <a:pt x="2873805" y="3385372"/>
                  </a:lnTo>
                  <a:lnTo>
                    <a:pt x="2358799" y="3385372"/>
                  </a:lnTo>
                  <a:lnTo>
                    <a:pt x="2008198" y="3385372"/>
                  </a:lnTo>
                  <a:lnTo>
                    <a:pt x="1687088" y="3385372"/>
                  </a:lnTo>
                  <a:lnTo>
                    <a:pt x="1676418" y="3385372"/>
                  </a:lnTo>
                  <a:lnTo>
                    <a:pt x="1336487" y="3385372"/>
                  </a:lnTo>
                  <a:lnTo>
                    <a:pt x="1325817" y="3385372"/>
                  </a:lnTo>
                  <a:lnTo>
                    <a:pt x="810811" y="3385372"/>
                  </a:lnTo>
                  <a:lnTo>
                    <a:pt x="460210" y="3385372"/>
                  </a:lnTo>
                  <a:lnTo>
                    <a:pt x="139100" y="3385372"/>
                  </a:lnTo>
                  <a:lnTo>
                    <a:pt x="0" y="3385372"/>
                  </a:lnTo>
                  <a:lnTo>
                    <a:pt x="0" y="3298114"/>
                  </a:lnTo>
                  <a:lnTo>
                    <a:pt x="0" y="87258"/>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30" name="TextBox 29">
              <a:extLst>
                <a:ext uri="{FF2B5EF4-FFF2-40B4-BE49-F238E27FC236}">
                  <a16:creationId xmlns:a16="http://schemas.microsoft.com/office/drawing/2014/main" id="{B76C411F-2436-4637-982E-A2B84DB93AC9}"/>
                </a:ext>
              </a:extLst>
            </p:cNvPr>
            <p:cNvSpPr txBox="1"/>
            <p:nvPr/>
          </p:nvSpPr>
          <p:spPr>
            <a:xfrm>
              <a:off x="7428121" y="5468946"/>
              <a:ext cx="2057617" cy="954107"/>
            </a:xfrm>
            <a:prstGeom prst="rect">
              <a:avLst/>
            </a:prstGeom>
            <a:noFill/>
          </p:spPr>
          <p:txBody>
            <a:bodyPr wrap="square">
              <a:spAutoFit/>
            </a:bodyPr>
            <a:lstStyle/>
            <a:p>
              <a:pPr algn="ctr"/>
              <a:r>
                <a:rPr lang="en-GB" sz="2800" b="1" dirty="0">
                  <a:solidFill>
                    <a:schemeClr val="accent2"/>
                  </a:solidFill>
                  <a:latin typeface="Open Sans" panose="020B0606030504020204" pitchFamily="34" charset="0"/>
                </a:rPr>
                <a:t>20-35% </a:t>
              </a:r>
              <a:endParaRPr lang="en-GB" dirty="0"/>
            </a:p>
            <a:p>
              <a:pPr algn="ctr"/>
              <a:r>
                <a:rPr lang="en-GB" sz="1400" dirty="0" err="1">
                  <a:solidFill>
                    <a:srgbClr val="303436"/>
                  </a:solidFill>
                  <a:latin typeface="+mj-lt"/>
                </a:rPr>
                <a:t>Rychlejší</a:t>
              </a:r>
              <a:r>
                <a:rPr lang="en-GB" sz="1400" dirty="0">
                  <a:solidFill>
                    <a:srgbClr val="303436"/>
                  </a:solidFill>
                  <a:latin typeface="+mj-lt"/>
                </a:rPr>
                <a:t> </a:t>
              </a:r>
              <a:r>
                <a:rPr lang="en-GB" sz="1400" dirty="0" err="1">
                  <a:solidFill>
                    <a:srgbClr val="303436"/>
                  </a:solidFill>
                  <a:latin typeface="+mj-lt"/>
                </a:rPr>
                <a:t>reakce</a:t>
              </a:r>
              <a:r>
                <a:rPr lang="en-GB" sz="1400" dirty="0">
                  <a:solidFill>
                    <a:srgbClr val="303436"/>
                  </a:solidFill>
                  <a:latin typeface="+mj-lt"/>
                </a:rPr>
                <a:t> </a:t>
              </a:r>
              <a:r>
                <a:rPr lang="en-GB" sz="1400" dirty="0" err="1">
                  <a:solidFill>
                    <a:srgbClr val="303436"/>
                  </a:solidFill>
                  <a:latin typeface="+mj-lt"/>
                </a:rPr>
                <a:t>na</a:t>
              </a:r>
              <a:r>
                <a:rPr lang="en-GB" sz="1400" dirty="0">
                  <a:solidFill>
                    <a:srgbClr val="303436"/>
                  </a:solidFill>
                  <a:latin typeface="+mj-lt"/>
                </a:rPr>
                <a:t> </a:t>
              </a:r>
              <a:r>
                <a:rPr lang="en-GB" sz="1400" dirty="0" err="1">
                  <a:solidFill>
                    <a:srgbClr val="303436"/>
                  </a:solidFill>
                  <a:latin typeface="+mj-lt"/>
                </a:rPr>
                <a:t>nouzové</a:t>
              </a:r>
              <a:r>
                <a:rPr lang="en-GB" sz="1400" dirty="0">
                  <a:solidFill>
                    <a:srgbClr val="303436"/>
                  </a:solidFill>
                  <a:latin typeface="+mj-lt"/>
                </a:rPr>
                <a:t> </a:t>
              </a:r>
              <a:r>
                <a:rPr lang="en-GB" sz="1400" dirty="0" err="1">
                  <a:solidFill>
                    <a:srgbClr val="303436"/>
                  </a:solidFill>
                  <a:latin typeface="+mj-lt"/>
                </a:rPr>
                <a:t>situace</a:t>
              </a:r>
              <a:endParaRPr lang="en-GB" sz="1400" dirty="0">
                <a:latin typeface="+mj-lt"/>
              </a:endParaRPr>
            </a:p>
          </p:txBody>
        </p:sp>
        <p:pic>
          <p:nvPicPr>
            <p:cNvPr id="39" name="Graphic 38">
              <a:extLst>
                <a:ext uri="{FF2B5EF4-FFF2-40B4-BE49-F238E27FC236}">
                  <a16:creationId xmlns:a16="http://schemas.microsoft.com/office/drawing/2014/main" id="{03217F9A-FF8C-46F5-887B-C579DC1A8176}"/>
                </a:ext>
              </a:extLst>
            </p:cNvPr>
            <p:cNvPicPr>
              <a:picLocks noChangeAspect="1"/>
            </p:cNvPicPr>
            <p:nvPr>
              <p:custDataLst>
                <p:tags r:id="rId3"/>
              </p:custDataLst>
            </p:nvPr>
          </p:nvPicPr>
          <p:blipFill>
            <a:blip r:embed="rId10" cstate="screen">
              <a:extLst>
                <a:ext uri="{28A0092B-C50C-407E-A947-70E740481C1C}">
                  <a14:useLocalDpi xmlns:a14="http://schemas.microsoft.com/office/drawing/2010/main"/>
                </a:ext>
                <a:ext uri="{96DAC541-7B7A-43D3-8B79-37D633B846F1}">
                  <asvg:svgBlip xmlns:asvg="http://schemas.microsoft.com/office/drawing/2016/SVG/main" r:embed="rId11"/>
                </a:ext>
              </a:extLst>
            </a:blip>
            <a:srcRect/>
            <a:stretch>
              <a:fillRect/>
            </a:stretch>
          </p:blipFill>
          <p:spPr>
            <a:xfrm>
              <a:off x="8057822" y="4826536"/>
              <a:ext cx="722641" cy="722641"/>
            </a:xfrm>
            <a:prstGeom prst="rect">
              <a:avLst/>
            </a:prstGeom>
          </p:spPr>
        </p:pic>
      </p:grpSp>
      <p:grpSp>
        <p:nvGrpSpPr>
          <p:cNvPr id="48" name="Group 47">
            <a:extLst>
              <a:ext uri="{FF2B5EF4-FFF2-40B4-BE49-F238E27FC236}">
                <a16:creationId xmlns:a16="http://schemas.microsoft.com/office/drawing/2014/main" id="{35954035-44F7-47DB-8827-1DAFF2232801}"/>
              </a:ext>
            </a:extLst>
          </p:cNvPr>
          <p:cNvGrpSpPr/>
          <p:nvPr/>
        </p:nvGrpSpPr>
        <p:grpSpPr>
          <a:xfrm>
            <a:off x="5077263" y="4741289"/>
            <a:ext cx="2057618" cy="2116711"/>
            <a:chOff x="5148478" y="4741289"/>
            <a:chExt cx="2057618" cy="2116711"/>
          </a:xfrm>
        </p:grpSpPr>
        <p:sp>
          <p:nvSpPr>
            <p:cNvPr id="25" name="Freeform: Shape 24">
              <a:extLst>
                <a:ext uri="{FF2B5EF4-FFF2-40B4-BE49-F238E27FC236}">
                  <a16:creationId xmlns:a16="http://schemas.microsoft.com/office/drawing/2014/main" id="{9A7B267E-D807-4A7D-905D-8A20EC8A4B40}"/>
                </a:ext>
              </a:extLst>
            </p:cNvPr>
            <p:cNvSpPr/>
            <p:nvPr/>
          </p:nvSpPr>
          <p:spPr>
            <a:xfrm rot="10800000">
              <a:off x="5148479" y="4741289"/>
              <a:ext cx="2057617" cy="2116711"/>
            </a:xfrm>
            <a:custGeom>
              <a:avLst/>
              <a:gdLst>
                <a:gd name="connsiteX0" fmla="*/ 0 w 3539778"/>
                <a:gd name="connsiteY0" fmla="*/ 0 h 3385372"/>
                <a:gd name="connsiteX1" fmla="*/ 139100 w 3539778"/>
                <a:gd name="connsiteY1" fmla="*/ 0 h 3385372"/>
                <a:gd name="connsiteX2" fmla="*/ 460210 w 3539778"/>
                <a:gd name="connsiteY2" fmla="*/ 0 h 3385372"/>
                <a:gd name="connsiteX3" fmla="*/ 810811 w 3539778"/>
                <a:gd name="connsiteY3" fmla="*/ 0 h 3385372"/>
                <a:gd name="connsiteX4" fmla="*/ 1325817 w 3539778"/>
                <a:gd name="connsiteY4" fmla="*/ 0 h 3385372"/>
                <a:gd name="connsiteX5" fmla="*/ 1651859 w 3539778"/>
                <a:gd name="connsiteY5" fmla="*/ 0 h 3385372"/>
                <a:gd name="connsiteX6" fmla="*/ 1676418 w 3539778"/>
                <a:gd name="connsiteY6" fmla="*/ 0 h 3385372"/>
                <a:gd name="connsiteX7" fmla="*/ 2002460 w 3539778"/>
                <a:gd name="connsiteY7" fmla="*/ 0 h 3385372"/>
                <a:gd name="connsiteX8" fmla="*/ 2323570 w 3539778"/>
                <a:gd name="connsiteY8" fmla="*/ 0 h 3385372"/>
                <a:gd name="connsiteX9" fmla="*/ 2674171 w 3539778"/>
                <a:gd name="connsiteY9" fmla="*/ 0 h 3385372"/>
                <a:gd name="connsiteX10" fmla="*/ 3189177 w 3539778"/>
                <a:gd name="connsiteY10" fmla="*/ 0 h 3385372"/>
                <a:gd name="connsiteX11" fmla="*/ 3539778 w 3539778"/>
                <a:gd name="connsiteY11" fmla="*/ 0 h 3385372"/>
                <a:gd name="connsiteX12" fmla="*/ 3539778 w 3539778"/>
                <a:gd name="connsiteY12" fmla="*/ 87258 h 3385372"/>
                <a:gd name="connsiteX13" fmla="*/ 3539778 w 3539778"/>
                <a:gd name="connsiteY13" fmla="*/ 301441 h 3385372"/>
                <a:gd name="connsiteX14" fmla="*/ 3539778 w 3539778"/>
                <a:gd name="connsiteY14" fmla="*/ 388699 h 3385372"/>
                <a:gd name="connsiteX15" fmla="*/ 3539778 w 3539778"/>
                <a:gd name="connsiteY15" fmla="*/ 450353 h 3385372"/>
                <a:gd name="connsiteX16" fmla="*/ 3539778 w 3539778"/>
                <a:gd name="connsiteY16" fmla="*/ 528021 h 3385372"/>
                <a:gd name="connsiteX17" fmla="*/ 3539778 w 3539778"/>
                <a:gd name="connsiteY17" fmla="*/ 537611 h 3385372"/>
                <a:gd name="connsiteX18" fmla="*/ 3539778 w 3539778"/>
                <a:gd name="connsiteY18" fmla="*/ 615279 h 3385372"/>
                <a:gd name="connsiteX19" fmla="*/ 3539778 w 3539778"/>
                <a:gd name="connsiteY19" fmla="*/ 751794 h 3385372"/>
                <a:gd name="connsiteX20" fmla="*/ 3539778 w 3539778"/>
                <a:gd name="connsiteY20" fmla="*/ 829462 h 3385372"/>
                <a:gd name="connsiteX21" fmla="*/ 3539778 w 3539778"/>
                <a:gd name="connsiteY21" fmla="*/ 839052 h 3385372"/>
                <a:gd name="connsiteX22" fmla="*/ 3539778 w 3539778"/>
                <a:gd name="connsiteY22" fmla="*/ 916720 h 3385372"/>
                <a:gd name="connsiteX23" fmla="*/ 3539778 w 3539778"/>
                <a:gd name="connsiteY23" fmla="*/ 978374 h 3385372"/>
                <a:gd name="connsiteX24" fmla="*/ 3539778 w 3539778"/>
                <a:gd name="connsiteY24" fmla="*/ 1065632 h 3385372"/>
                <a:gd name="connsiteX25" fmla="*/ 3539778 w 3539778"/>
                <a:gd name="connsiteY25" fmla="*/ 1279815 h 3385372"/>
                <a:gd name="connsiteX26" fmla="*/ 3539778 w 3539778"/>
                <a:gd name="connsiteY26" fmla="*/ 1367073 h 3385372"/>
                <a:gd name="connsiteX27" fmla="*/ 3539778 w 3539778"/>
                <a:gd name="connsiteY27" fmla="*/ 1702927 h 3385372"/>
                <a:gd name="connsiteX28" fmla="*/ 3539778 w 3539778"/>
                <a:gd name="connsiteY28" fmla="*/ 1790185 h 3385372"/>
                <a:gd name="connsiteX29" fmla="*/ 3539778 w 3539778"/>
                <a:gd name="connsiteY29" fmla="*/ 2004369 h 3385372"/>
                <a:gd name="connsiteX30" fmla="*/ 3539778 w 3539778"/>
                <a:gd name="connsiteY30" fmla="*/ 2091627 h 3385372"/>
                <a:gd name="connsiteX31" fmla="*/ 3539778 w 3539778"/>
                <a:gd name="connsiteY31" fmla="*/ 2153280 h 3385372"/>
                <a:gd name="connsiteX32" fmla="*/ 3539778 w 3539778"/>
                <a:gd name="connsiteY32" fmla="*/ 2230948 h 3385372"/>
                <a:gd name="connsiteX33" fmla="*/ 3539778 w 3539778"/>
                <a:gd name="connsiteY33" fmla="*/ 2240538 h 3385372"/>
                <a:gd name="connsiteX34" fmla="*/ 3539778 w 3539778"/>
                <a:gd name="connsiteY34" fmla="*/ 2318206 h 3385372"/>
                <a:gd name="connsiteX35" fmla="*/ 3539778 w 3539778"/>
                <a:gd name="connsiteY35" fmla="*/ 2454722 h 3385372"/>
                <a:gd name="connsiteX36" fmla="*/ 3539778 w 3539778"/>
                <a:gd name="connsiteY36" fmla="*/ 2532389 h 3385372"/>
                <a:gd name="connsiteX37" fmla="*/ 3539778 w 3539778"/>
                <a:gd name="connsiteY37" fmla="*/ 2541980 h 3385372"/>
                <a:gd name="connsiteX38" fmla="*/ 3539778 w 3539778"/>
                <a:gd name="connsiteY38" fmla="*/ 2619647 h 3385372"/>
                <a:gd name="connsiteX39" fmla="*/ 3539778 w 3539778"/>
                <a:gd name="connsiteY39" fmla="*/ 2681301 h 3385372"/>
                <a:gd name="connsiteX40" fmla="*/ 3539778 w 3539778"/>
                <a:gd name="connsiteY40" fmla="*/ 2768559 h 3385372"/>
                <a:gd name="connsiteX41" fmla="*/ 3539778 w 3539778"/>
                <a:gd name="connsiteY41" fmla="*/ 2982742 h 3385372"/>
                <a:gd name="connsiteX42" fmla="*/ 3539778 w 3539778"/>
                <a:gd name="connsiteY42" fmla="*/ 3070000 h 3385372"/>
                <a:gd name="connsiteX43" fmla="*/ 3224406 w 3539778"/>
                <a:gd name="connsiteY43" fmla="*/ 3385372 h 3385372"/>
                <a:gd name="connsiteX44" fmla="*/ 2873805 w 3539778"/>
                <a:gd name="connsiteY44" fmla="*/ 3385372 h 3385372"/>
                <a:gd name="connsiteX45" fmla="*/ 2358799 w 3539778"/>
                <a:gd name="connsiteY45" fmla="*/ 3385372 h 3385372"/>
                <a:gd name="connsiteX46" fmla="*/ 2008198 w 3539778"/>
                <a:gd name="connsiteY46" fmla="*/ 3385372 h 3385372"/>
                <a:gd name="connsiteX47" fmla="*/ 1687088 w 3539778"/>
                <a:gd name="connsiteY47" fmla="*/ 3385372 h 3385372"/>
                <a:gd name="connsiteX48" fmla="*/ 1676418 w 3539778"/>
                <a:gd name="connsiteY48" fmla="*/ 3385372 h 3385372"/>
                <a:gd name="connsiteX49" fmla="*/ 1336487 w 3539778"/>
                <a:gd name="connsiteY49" fmla="*/ 3385372 h 3385372"/>
                <a:gd name="connsiteX50" fmla="*/ 1325817 w 3539778"/>
                <a:gd name="connsiteY50" fmla="*/ 3385372 h 3385372"/>
                <a:gd name="connsiteX51" fmla="*/ 810811 w 3539778"/>
                <a:gd name="connsiteY51" fmla="*/ 3385372 h 3385372"/>
                <a:gd name="connsiteX52" fmla="*/ 460210 w 3539778"/>
                <a:gd name="connsiteY52" fmla="*/ 3385372 h 3385372"/>
                <a:gd name="connsiteX53" fmla="*/ 139100 w 3539778"/>
                <a:gd name="connsiteY53" fmla="*/ 3385372 h 3385372"/>
                <a:gd name="connsiteX54" fmla="*/ 0 w 3539778"/>
                <a:gd name="connsiteY54" fmla="*/ 3385372 h 3385372"/>
                <a:gd name="connsiteX55" fmla="*/ 0 w 3539778"/>
                <a:gd name="connsiteY55" fmla="*/ 3298114 h 3385372"/>
                <a:gd name="connsiteX56" fmla="*/ 0 w 3539778"/>
                <a:gd name="connsiteY56" fmla="*/ 87258 h 33853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3539778" h="3385372">
                  <a:moveTo>
                    <a:pt x="0" y="0"/>
                  </a:moveTo>
                  <a:lnTo>
                    <a:pt x="139100" y="0"/>
                  </a:lnTo>
                  <a:lnTo>
                    <a:pt x="460210" y="0"/>
                  </a:lnTo>
                  <a:lnTo>
                    <a:pt x="810811" y="0"/>
                  </a:lnTo>
                  <a:lnTo>
                    <a:pt x="1325817" y="0"/>
                  </a:lnTo>
                  <a:lnTo>
                    <a:pt x="1651859" y="0"/>
                  </a:lnTo>
                  <a:lnTo>
                    <a:pt x="1676418" y="0"/>
                  </a:lnTo>
                  <a:lnTo>
                    <a:pt x="2002460" y="0"/>
                  </a:lnTo>
                  <a:lnTo>
                    <a:pt x="2323570" y="0"/>
                  </a:lnTo>
                  <a:lnTo>
                    <a:pt x="2674171" y="0"/>
                  </a:lnTo>
                  <a:lnTo>
                    <a:pt x="3189177" y="0"/>
                  </a:lnTo>
                  <a:lnTo>
                    <a:pt x="3539778" y="0"/>
                  </a:lnTo>
                  <a:lnTo>
                    <a:pt x="3539778" y="87258"/>
                  </a:lnTo>
                  <a:lnTo>
                    <a:pt x="3539778" y="301441"/>
                  </a:lnTo>
                  <a:lnTo>
                    <a:pt x="3539778" y="388699"/>
                  </a:lnTo>
                  <a:lnTo>
                    <a:pt x="3539778" y="450353"/>
                  </a:lnTo>
                  <a:lnTo>
                    <a:pt x="3539778" y="528021"/>
                  </a:lnTo>
                  <a:lnTo>
                    <a:pt x="3539778" y="537611"/>
                  </a:lnTo>
                  <a:lnTo>
                    <a:pt x="3539778" y="615279"/>
                  </a:lnTo>
                  <a:lnTo>
                    <a:pt x="3539778" y="751794"/>
                  </a:lnTo>
                  <a:lnTo>
                    <a:pt x="3539778" y="829462"/>
                  </a:lnTo>
                  <a:lnTo>
                    <a:pt x="3539778" y="839052"/>
                  </a:lnTo>
                  <a:lnTo>
                    <a:pt x="3539778" y="916720"/>
                  </a:lnTo>
                  <a:lnTo>
                    <a:pt x="3539778" y="978374"/>
                  </a:lnTo>
                  <a:lnTo>
                    <a:pt x="3539778" y="1065632"/>
                  </a:lnTo>
                  <a:lnTo>
                    <a:pt x="3539778" y="1279815"/>
                  </a:lnTo>
                  <a:lnTo>
                    <a:pt x="3539778" y="1367073"/>
                  </a:lnTo>
                  <a:lnTo>
                    <a:pt x="3539778" y="1702927"/>
                  </a:lnTo>
                  <a:lnTo>
                    <a:pt x="3539778" y="1790185"/>
                  </a:lnTo>
                  <a:lnTo>
                    <a:pt x="3539778" y="2004369"/>
                  </a:lnTo>
                  <a:lnTo>
                    <a:pt x="3539778" y="2091627"/>
                  </a:lnTo>
                  <a:lnTo>
                    <a:pt x="3539778" y="2153280"/>
                  </a:lnTo>
                  <a:lnTo>
                    <a:pt x="3539778" y="2230948"/>
                  </a:lnTo>
                  <a:lnTo>
                    <a:pt x="3539778" y="2240538"/>
                  </a:lnTo>
                  <a:lnTo>
                    <a:pt x="3539778" y="2318206"/>
                  </a:lnTo>
                  <a:lnTo>
                    <a:pt x="3539778" y="2454722"/>
                  </a:lnTo>
                  <a:lnTo>
                    <a:pt x="3539778" y="2532389"/>
                  </a:lnTo>
                  <a:lnTo>
                    <a:pt x="3539778" y="2541980"/>
                  </a:lnTo>
                  <a:lnTo>
                    <a:pt x="3539778" y="2619647"/>
                  </a:lnTo>
                  <a:lnTo>
                    <a:pt x="3539778" y="2681301"/>
                  </a:lnTo>
                  <a:lnTo>
                    <a:pt x="3539778" y="2768559"/>
                  </a:lnTo>
                  <a:lnTo>
                    <a:pt x="3539778" y="2982742"/>
                  </a:lnTo>
                  <a:lnTo>
                    <a:pt x="3539778" y="3070000"/>
                  </a:lnTo>
                  <a:lnTo>
                    <a:pt x="3224406" y="3385372"/>
                  </a:lnTo>
                  <a:lnTo>
                    <a:pt x="2873805" y="3385372"/>
                  </a:lnTo>
                  <a:lnTo>
                    <a:pt x="2358799" y="3385372"/>
                  </a:lnTo>
                  <a:lnTo>
                    <a:pt x="2008198" y="3385372"/>
                  </a:lnTo>
                  <a:lnTo>
                    <a:pt x="1687088" y="3385372"/>
                  </a:lnTo>
                  <a:lnTo>
                    <a:pt x="1676418" y="3385372"/>
                  </a:lnTo>
                  <a:lnTo>
                    <a:pt x="1336487" y="3385372"/>
                  </a:lnTo>
                  <a:lnTo>
                    <a:pt x="1325817" y="3385372"/>
                  </a:lnTo>
                  <a:lnTo>
                    <a:pt x="810811" y="3385372"/>
                  </a:lnTo>
                  <a:lnTo>
                    <a:pt x="460210" y="3385372"/>
                  </a:lnTo>
                  <a:lnTo>
                    <a:pt x="139100" y="3385372"/>
                  </a:lnTo>
                  <a:lnTo>
                    <a:pt x="0" y="3385372"/>
                  </a:lnTo>
                  <a:lnTo>
                    <a:pt x="0" y="3298114"/>
                  </a:lnTo>
                  <a:lnTo>
                    <a:pt x="0" y="87258"/>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7" name="TextBox 26">
              <a:extLst>
                <a:ext uri="{FF2B5EF4-FFF2-40B4-BE49-F238E27FC236}">
                  <a16:creationId xmlns:a16="http://schemas.microsoft.com/office/drawing/2014/main" id="{2BC6B20D-DE7C-4AC8-A96C-B379D35E2A1A}"/>
                </a:ext>
              </a:extLst>
            </p:cNvPr>
            <p:cNvSpPr txBox="1"/>
            <p:nvPr/>
          </p:nvSpPr>
          <p:spPr>
            <a:xfrm>
              <a:off x="5148478" y="5468946"/>
              <a:ext cx="2057617" cy="1169551"/>
            </a:xfrm>
            <a:prstGeom prst="rect">
              <a:avLst/>
            </a:prstGeom>
            <a:noFill/>
          </p:spPr>
          <p:txBody>
            <a:bodyPr wrap="square">
              <a:spAutoFit/>
            </a:bodyPr>
            <a:lstStyle/>
            <a:p>
              <a:pPr algn="ctr"/>
              <a:r>
                <a:rPr lang="en-GB" sz="2800" b="1" dirty="0">
                  <a:solidFill>
                    <a:schemeClr val="accent2"/>
                  </a:solidFill>
                  <a:latin typeface="Open Sans" panose="020B0606030504020204" pitchFamily="34" charset="0"/>
                </a:rPr>
                <a:t>30-40% </a:t>
              </a:r>
              <a:endParaRPr lang="en-GB" dirty="0"/>
            </a:p>
            <a:p>
              <a:pPr algn="ctr"/>
              <a:r>
                <a:rPr lang="en-GB" sz="1400" dirty="0" err="1">
                  <a:solidFill>
                    <a:srgbClr val="303436"/>
                  </a:solidFill>
                  <a:latin typeface="+mj-lt"/>
                </a:rPr>
                <a:t>Méně</a:t>
              </a:r>
              <a:r>
                <a:rPr lang="en-GB" sz="1400" dirty="0">
                  <a:solidFill>
                    <a:srgbClr val="303436"/>
                  </a:solidFill>
                  <a:latin typeface="+mj-lt"/>
                </a:rPr>
                <a:t> criminality, </a:t>
              </a:r>
              <a:r>
                <a:rPr lang="en-GB" sz="1400" dirty="0" err="1">
                  <a:solidFill>
                    <a:srgbClr val="303436"/>
                  </a:solidFill>
                  <a:latin typeface="+mj-lt"/>
                </a:rPr>
                <a:t>incidentů</a:t>
              </a:r>
              <a:endParaRPr lang="en-GB" sz="1400" dirty="0">
                <a:solidFill>
                  <a:srgbClr val="303436"/>
                </a:solidFill>
                <a:latin typeface="+mj-lt"/>
              </a:endParaRPr>
            </a:p>
            <a:p>
              <a:pPr algn="ctr"/>
              <a:endParaRPr lang="en-GB" sz="1400" dirty="0">
                <a:solidFill>
                  <a:srgbClr val="303436"/>
                </a:solidFill>
                <a:latin typeface="+mj-lt"/>
              </a:endParaRPr>
            </a:p>
          </p:txBody>
        </p:sp>
        <p:pic>
          <p:nvPicPr>
            <p:cNvPr id="41" name="Graphic 40">
              <a:extLst>
                <a:ext uri="{FF2B5EF4-FFF2-40B4-BE49-F238E27FC236}">
                  <a16:creationId xmlns:a16="http://schemas.microsoft.com/office/drawing/2014/main" id="{AD8A8AD2-A3BD-463F-85C7-CE173EDCE2C1}"/>
                </a:ext>
              </a:extLst>
            </p:cNvPr>
            <p:cNvPicPr>
              <a:picLocks noChangeAspect="1"/>
            </p:cNvPicPr>
            <p:nvPr>
              <p:custDataLst>
                <p:tags r:id="rId2"/>
              </p:custDataLst>
            </p:nvPr>
          </p:nvPicPr>
          <p:blipFill>
            <a:blip r:embed="rId12" cstate="screen">
              <a:extLst>
                <a:ext uri="{28A0092B-C50C-407E-A947-70E740481C1C}">
                  <a14:useLocalDpi xmlns:a14="http://schemas.microsoft.com/office/drawing/2010/main"/>
                </a:ext>
                <a:ext uri="{96DAC541-7B7A-43D3-8B79-37D633B846F1}">
                  <asvg:svgBlip xmlns:asvg="http://schemas.microsoft.com/office/drawing/2016/SVG/main" r:embed="rId13"/>
                </a:ext>
              </a:extLst>
            </a:blip>
            <a:srcRect/>
            <a:stretch>
              <a:fillRect/>
            </a:stretch>
          </p:blipFill>
          <p:spPr>
            <a:xfrm>
              <a:off x="5952233" y="4962803"/>
              <a:ext cx="450109" cy="450109"/>
            </a:xfrm>
            <a:prstGeom prst="rect">
              <a:avLst/>
            </a:prstGeom>
          </p:spPr>
        </p:pic>
      </p:grpSp>
      <p:grpSp>
        <p:nvGrpSpPr>
          <p:cNvPr id="49" name="Group 48">
            <a:extLst>
              <a:ext uri="{FF2B5EF4-FFF2-40B4-BE49-F238E27FC236}">
                <a16:creationId xmlns:a16="http://schemas.microsoft.com/office/drawing/2014/main" id="{1434D345-2B77-4F03-876C-8F55F560A08B}"/>
              </a:ext>
            </a:extLst>
          </p:cNvPr>
          <p:cNvGrpSpPr/>
          <p:nvPr/>
        </p:nvGrpSpPr>
        <p:grpSpPr>
          <a:xfrm>
            <a:off x="2868835" y="4741289"/>
            <a:ext cx="2057618" cy="2116711"/>
            <a:chOff x="2868835" y="4741289"/>
            <a:chExt cx="2057618" cy="2116711"/>
          </a:xfrm>
        </p:grpSpPr>
        <p:sp>
          <p:nvSpPr>
            <p:cNvPr id="22" name="Freeform: Shape 21">
              <a:extLst>
                <a:ext uri="{FF2B5EF4-FFF2-40B4-BE49-F238E27FC236}">
                  <a16:creationId xmlns:a16="http://schemas.microsoft.com/office/drawing/2014/main" id="{AEEAB95F-C870-466A-9662-EDF4C743ABAD}"/>
                </a:ext>
              </a:extLst>
            </p:cNvPr>
            <p:cNvSpPr/>
            <p:nvPr/>
          </p:nvSpPr>
          <p:spPr>
            <a:xfrm rot="10800000">
              <a:off x="2868836" y="4741289"/>
              <a:ext cx="2057617" cy="2116711"/>
            </a:xfrm>
            <a:custGeom>
              <a:avLst/>
              <a:gdLst>
                <a:gd name="connsiteX0" fmla="*/ 0 w 3539778"/>
                <a:gd name="connsiteY0" fmla="*/ 0 h 3385372"/>
                <a:gd name="connsiteX1" fmla="*/ 139100 w 3539778"/>
                <a:gd name="connsiteY1" fmla="*/ 0 h 3385372"/>
                <a:gd name="connsiteX2" fmla="*/ 460210 w 3539778"/>
                <a:gd name="connsiteY2" fmla="*/ 0 h 3385372"/>
                <a:gd name="connsiteX3" fmla="*/ 810811 w 3539778"/>
                <a:gd name="connsiteY3" fmla="*/ 0 h 3385372"/>
                <a:gd name="connsiteX4" fmla="*/ 1325817 w 3539778"/>
                <a:gd name="connsiteY4" fmla="*/ 0 h 3385372"/>
                <a:gd name="connsiteX5" fmla="*/ 1651859 w 3539778"/>
                <a:gd name="connsiteY5" fmla="*/ 0 h 3385372"/>
                <a:gd name="connsiteX6" fmla="*/ 1676418 w 3539778"/>
                <a:gd name="connsiteY6" fmla="*/ 0 h 3385372"/>
                <a:gd name="connsiteX7" fmla="*/ 2002460 w 3539778"/>
                <a:gd name="connsiteY7" fmla="*/ 0 h 3385372"/>
                <a:gd name="connsiteX8" fmla="*/ 2323570 w 3539778"/>
                <a:gd name="connsiteY8" fmla="*/ 0 h 3385372"/>
                <a:gd name="connsiteX9" fmla="*/ 2674171 w 3539778"/>
                <a:gd name="connsiteY9" fmla="*/ 0 h 3385372"/>
                <a:gd name="connsiteX10" fmla="*/ 3189177 w 3539778"/>
                <a:gd name="connsiteY10" fmla="*/ 0 h 3385372"/>
                <a:gd name="connsiteX11" fmla="*/ 3539778 w 3539778"/>
                <a:gd name="connsiteY11" fmla="*/ 0 h 3385372"/>
                <a:gd name="connsiteX12" fmla="*/ 3539778 w 3539778"/>
                <a:gd name="connsiteY12" fmla="*/ 87258 h 3385372"/>
                <a:gd name="connsiteX13" fmla="*/ 3539778 w 3539778"/>
                <a:gd name="connsiteY13" fmla="*/ 301441 h 3385372"/>
                <a:gd name="connsiteX14" fmla="*/ 3539778 w 3539778"/>
                <a:gd name="connsiteY14" fmla="*/ 388699 h 3385372"/>
                <a:gd name="connsiteX15" fmla="*/ 3539778 w 3539778"/>
                <a:gd name="connsiteY15" fmla="*/ 450353 h 3385372"/>
                <a:gd name="connsiteX16" fmla="*/ 3539778 w 3539778"/>
                <a:gd name="connsiteY16" fmla="*/ 528021 h 3385372"/>
                <a:gd name="connsiteX17" fmla="*/ 3539778 w 3539778"/>
                <a:gd name="connsiteY17" fmla="*/ 537611 h 3385372"/>
                <a:gd name="connsiteX18" fmla="*/ 3539778 w 3539778"/>
                <a:gd name="connsiteY18" fmla="*/ 615279 h 3385372"/>
                <a:gd name="connsiteX19" fmla="*/ 3539778 w 3539778"/>
                <a:gd name="connsiteY19" fmla="*/ 751794 h 3385372"/>
                <a:gd name="connsiteX20" fmla="*/ 3539778 w 3539778"/>
                <a:gd name="connsiteY20" fmla="*/ 829462 h 3385372"/>
                <a:gd name="connsiteX21" fmla="*/ 3539778 w 3539778"/>
                <a:gd name="connsiteY21" fmla="*/ 839052 h 3385372"/>
                <a:gd name="connsiteX22" fmla="*/ 3539778 w 3539778"/>
                <a:gd name="connsiteY22" fmla="*/ 916720 h 3385372"/>
                <a:gd name="connsiteX23" fmla="*/ 3539778 w 3539778"/>
                <a:gd name="connsiteY23" fmla="*/ 978374 h 3385372"/>
                <a:gd name="connsiteX24" fmla="*/ 3539778 w 3539778"/>
                <a:gd name="connsiteY24" fmla="*/ 1065632 h 3385372"/>
                <a:gd name="connsiteX25" fmla="*/ 3539778 w 3539778"/>
                <a:gd name="connsiteY25" fmla="*/ 1279815 h 3385372"/>
                <a:gd name="connsiteX26" fmla="*/ 3539778 w 3539778"/>
                <a:gd name="connsiteY26" fmla="*/ 1367073 h 3385372"/>
                <a:gd name="connsiteX27" fmla="*/ 3539778 w 3539778"/>
                <a:gd name="connsiteY27" fmla="*/ 1702927 h 3385372"/>
                <a:gd name="connsiteX28" fmla="*/ 3539778 w 3539778"/>
                <a:gd name="connsiteY28" fmla="*/ 1790185 h 3385372"/>
                <a:gd name="connsiteX29" fmla="*/ 3539778 w 3539778"/>
                <a:gd name="connsiteY29" fmla="*/ 2004369 h 3385372"/>
                <a:gd name="connsiteX30" fmla="*/ 3539778 w 3539778"/>
                <a:gd name="connsiteY30" fmla="*/ 2091627 h 3385372"/>
                <a:gd name="connsiteX31" fmla="*/ 3539778 w 3539778"/>
                <a:gd name="connsiteY31" fmla="*/ 2153280 h 3385372"/>
                <a:gd name="connsiteX32" fmla="*/ 3539778 w 3539778"/>
                <a:gd name="connsiteY32" fmla="*/ 2230948 h 3385372"/>
                <a:gd name="connsiteX33" fmla="*/ 3539778 w 3539778"/>
                <a:gd name="connsiteY33" fmla="*/ 2240538 h 3385372"/>
                <a:gd name="connsiteX34" fmla="*/ 3539778 w 3539778"/>
                <a:gd name="connsiteY34" fmla="*/ 2318206 h 3385372"/>
                <a:gd name="connsiteX35" fmla="*/ 3539778 w 3539778"/>
                <a:gd name="connsiteY35" fmla="*/ 2454722 h 3385372"/>
                <a:gd name="connsiteX36" fmla="*/ 3539778 w 3539778"/>
                <a:gd name="connsiteY36" fmla="*/ 2532389 h 3385372"/>
                <a:gd name="connsiteX37" fmla="*/ 3539778 w 3539778"/>
                <a:gd name="connsiteY37" fmla="*/ 2541980 h 3385372"/>
                <a:gd name="connsiteX38" fmla="*/ 3539778 w 3539778"/>
                <a:gd name="connsiteY38" fmla="*/ 2619647 h 3385372"/>
                <a:gd name="connsiteX39" fmla="*/ 3539778 w 3539778"/>
                <a:gd name="connsiteY39" fmla="*/ 2681301 h 3385372"/>
                <a:gd name="connsiteX40" fmla="*/ 3539778 w 3539778"/>
                <a:gd name="connsiteY40" fmla="*/ 2768559 h 3385372"/>
                <a:gd name="connsiteX41" fmla="*/ 3539778 w 3539778"/>
                <a:gd name="connsiteY41" fmla="*/ 2982742 h 3385372"/>
                <a:gd name="connsiteX42" fmla="*/ 3539778 w 3539778"/>
                <a:gd name="connsiteY42" fmla="*/ 3070000 h 3385372"/>
                <a:gd name="connsiteX43" fmla="*/ 3224406 w 3539778"/>
                <a:gd name="connsiteY43" fmla="*/ 3385372 h 3385372"/>
                <a:gd name="connsiteX44" fmla="*/ 2873805 w 3539778"/>
                <a:gd name="connsiteY44" fmla="*/ 3385372 h 3385372"/>
                <a:gd name="connsiteX45" fmla="*/ 2358799 w 3539778"/>
                <a:gd name="connsiteY45" fmla="*/ 3385372 h 3385372"/>
                <a:gd name="connsiteX46" fmla="*/ 2008198 w 3539778"/>
                <a:gd name="connsiteY46" fmla="*/ 3385372 h 3385372"/>
                <a:gd name="connsiteX47" fmla="*/ 1687088 w 3539778"/>
                <a:gd name="connsiteY47" fmla="*/ 3385372 h 3385372"/>
                <a:gd name="connsiteX48" fmla="*/ 1676418 w 3539778"/>
                <a:gd name="connsiteY48" fmla="*/ 3385372 h 3385372"/>
                <a:gd name="connsiteX49" fmla="*/ 1336487 w 3539778"/>
                <a:gd name="connsiteY49" fmla="*/ 3385372 h 3385372"/>
                <a:gd name="connsiteX50" fmla="*/ 1325817 w 3539778"/>
                <a:gd name="connsiteY50" fmla="*/ 3385372 h 3385372"/>
                <a:gd name="connsiteX51" fmla="*/ 810811 w 3539778"/>
                <a:gd name="connsiteY51" fmla="*/ 3385372 h 3385372"/>
                <a:gd name="connsiteX52" fmla="*/ 460210 w 3539778"/>
                <a:gd name="connsiteY52" fmla="*/ 3385372 h 3385372"/>
                <a:gd name="connsiteX53" fmla="*/ 139100 w 3539778"/>
                <a:gd name="connsiteY53" fmla="*/ 3385372 h 3385372"/>
                <a:gd name="connsiteX54" fmla="*/ 0 w 3539778"/>
                <a:gd name="connsiteY54" fmla="*/ 3385372 h 3385372"/>
                <a:gd name="connsiteX55" fmla="*/ 0 w 3539778"/>
                <a:gd name="connsiteY55" fmla="*/ 3298114 h 3385372"/>
                <a:gd name="connsiteX56" fmla="*/ 0 w 3539778"/>
                <a:gd name="connsiteY56" fmla="*/ 87258 h 33853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Lst>
              <a:rect l="l" t="t" r="r" b="b"/>
              <a:pathLst>
                <a:path w="3539778" h="3385372">
                  <a:moveTo>
                    <a:pt x="0" y="0"/>
                  </a:moveTo>
                  <a:lnTo>
                    <a:pt x="139100" y="0"/>
                  </a:lnTo>
                  <a:lnTo>
                    <a:pt x="460210" y="0"/>
                  </a:lnTo>
                  <a:lnTo>
                    <a:pt x="810811" y="0"/>
                  </a:lnTo>
                  <a:lnTo>
                    <a:pt x="1325817" y="0"/>
                  </a:lnTo>
                  <a:lnTo>
                    <a:pt x="1651859" y="0"/>
                  </a:lnTo>
                  <a:lnTo>
                    <a:pt x="1676418" y="0"/>
                  </a:lnTo>
                  <a:lnTo>
                    <a:pt x="2002460" y="0"/>
                  </a:lnTo>
                  <a:lnTo>
                    <a:pt x="2323570" y="0"/>
                  </a:lnTo>
                  <a:lnTo>
                    <a:pt x="2674171" y="0"/>
                  </a:lnTo>
                  <a:lnTo>
                    <a:pt x="3189177" y="0"/>
                  </a:lnTo>
                  <a:lnTo>
                    <a:pt x="3539778" y="0"/>
                  </a:lnTo>
                  <a:lnTo>
                    <a:pt x="3539778" y="87258"/>
                  </a:lnTo>
                  <a:lnTo>
                    <a:pt x="3539778" y="301441"/>
                  </a:lnTo>
                  <a:lnTo>
                    <a:pt x="3539778" y="388699"/>
                  </a:lnTo>
                  <a:lnTo>
                    <a:pt x="3539778" y="450353"/>
                  </a:lnTo>
                  <a:lnTo>
                    <a:pt x="3539778" y="528021"/>
                  </a:lnTo>
                  <a:lnTo>
                    <a:pt x="3539778" y="537611"/>
                  </a:lnTo>
                  <a:lnTo>
                    <a:pt x="3539778" y="615279"/>
                  </a:lnTo>
                  <a:lnTo>
                    <a:pt x="3539778" y="751794"/>
                  </a:lnTo>
                  <a:lnTo>
                    <a:pt x="3539778" y="829462"/>
                  </a:lnTo>
                  <a:lnTo>
                    <a:pt x="3539778" y="839052"/>
                  </a:lnTo>
                  <a:lnTo>
                    <a:pt x="3539778" y="916720"/>
                  </a:lnTo>
                  <a:lnTo>
                    <a:pt x="3539778" y="978374"/>
                  </a:lnTo>
                  <a:lnTo>
                    <a:pt x="3539778" y="1065632"/>
                  </a:lnTo>
                  <a:lnTo>
                    <a:pt x="3539778" y="1279815"/>
                  </a:lnTo>
                  <a:lnTo>
                    <a:pt x="3539778" y="1367073"/>
                  </a:lnTo>
                  <a:lnTo>
                    <a:pt x="3539778" y="1702927"/>
                  </a:lnTo>
                  <a:lnTo>
                    <a:pt x="3539778" y="1790185"/>
                  </a:lnTo>
                  <a:lnTo>
                    <a:pt x="3539778" y="2004369"/>
                  </a:lnTo>
                  <a:lnTo>
                    <a:pt x="3539778" y="2091627"/>
                  </a:lnTo>
                  <a:lnTo>
                    <a:pt x="3539778" y="2153280"/>
                  </a:lnTo>
                  <a:lnTo>
                    <a:pt x="3539778" y="2230948"/>
                  </a:lnTo>
                  <a:lnTo>
                    <a:pt x="3539778" y="2240538"/>
                  </a:lnTo>
                  <a:lnTo>
                    <a:pt x="3539778" y="2318206"/>
                  </a:lnTo>
                  <a:lnTo>
                    <a:pt x="3539778" y="2454722"/>
                  </a:lnTo>
                  <a:lnTo>
                    <a:pt x="3539778" y="2532389"/>
                  </a:lnTo>
                  <a:lnTo>
                    <a:pt x="3539778" y="2541980"/>
                  </a:lnTo>
                  <a:lnTo>
                    <a:pt x="3539778" y="2619647"/>
                  </a:lnTo>
                  <a:lnTo>
                    <a:pt x="3539778" y="2681301"/>
                  </a:lnTo>
                  <a:lnTo>
                    <a:pt x="3539778" y="2768559"/>
                  </a:lnTo>
                  <a:lnTo>
                    <a:pt x="3539778" y="2982742"/>
                  </a:lnTo>
                  <a:lnTo>
                    <a:pt x="3539778" y="3070000"/>
                  </a:lnTo>
                  <a:lnTo>
                    <a:pt x="3224406" y="3385372"/>
                  </a:lnTo>
                  <a:lnTo>
                    <a:pt x="2873805" y="3385372"/>
                  </a:lnTo>
                  <a:lnTo>
                    <a:pt x="2358799" y="3385372"/>
                  </a:lnTo>
                  <a:lnTo>
                    <a:pt x="2008198" y="3385372"/>
                  </a:lnTo>
                  <a:lnTo>
                    <a:pt x="1687088" y="3385372"/>
                  </a:lnTo>
                  <a:lnTo>
                    <a:pt x="1676418" y="3385372"/>
                  </a:lnTo>
                  <a:lnTo>
                    <a:pt x="1336487" y="3385372"/>
                  </a:lnTo>
                  <a:lnTo>
                    <a:pt x="1325817" y="3385372"/>
                  </a:lnTo>
                  <a:lnTo>
                    <a:pt x="810811" y="3385372"/>
                  </a:lnTo>
                  <a:lnTo>
                    <a:pt x="460210" y="3385372"/>
                  </a:lnTo>
                  <a:lnTo>
                    <a:pt x="139100" y="3385372"/>
                  </a:lnTo>
                  <a:lnTo>
                    <a:pt x="0" y="3385372"/>
                  </a:lnTo>
                  <a:lnTo>
                    <a:pt x="0" y="3298114"/>
                  </a:lnTo>
                  <a:lnTo>
                    <a:pt x="0" y="87258"/>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GB"/>
            </a:p>
          </p:txBody>
        </p:sp>
        <p:sp>
          <p:nvSpPr>
            <p:cNvPr id="24" name="TextBox 23">
              <a:extLst>
                <a:ext uri="{FF2B5EF4-FFF2-40B4-BE49-F238E27FC236}">
                  <a16:creationId xmlns:a16="http://schemas.microsoft.com/office/drawing/2014/main" id="{DFEBCD33-858E-42E7-9D27-2505C6950BC2}"/>
                </a:ext>
              </a:extLst>
            </p:cNvPr>
            <p:cNvSpPr txBox="1"/>
            <p:nvPr/>
          </p:nvSpPr>
          <p:spPr>
            <a:xfrm>
              <a:off x="2868835" y="5468946"/>
              <a:ext cx="2057617" cy="1169551"/>
            </a:xfrm>
            <a:prstGeom prst="rect">
              <a:avLst/>
            </a:prstGeom>
            <a:noFill/>
          </p:spPr>
          <p:txBody>
            <a:bodyPr wrap="square">
              <a:spAutoFit/>
            </a:bodyPr>
            <a:lstStyle/>
            <a:p>
              <a:pPr algn="ctr"/>
              <a:r>
                <a:rPr lang="en-GB" sz="2800" b="1" dirty="0">
                  <a:solidFill>
                    <a:schemeClr val="accent2"/>
                  </a:solidFill>
                  <a:latin typeface="Open Sans" panose="020B0606030504020204" pitchFamily="34" charset="0"/>
                </a:rPr>
                <a:t>30-300 </a:t>
              </a:r>
              <a:endParaRPr lang="en-GB" dirty="0"/>
            </a:p>
            <a:p>
              <a:pPr algn="ctr"/>
              <a:r>
                <a:rPr lang="en-GB" sz="1400" dirty="0" err="1">
                  <a:solidFill>
                    <a:srgbClr val="303436"/>
                  </a:solidFill>
                  <a:latin typeface="+mj-lt"/>
                </a:rPr>
                <a:t>Životy</a:t>
              </a:r>
              <a:r>
                <a:rPr lang="en-GB" sz="1400" dirty="0">
                  <a:solidFill>
                    <a:srgbClr val="303436"/>
                  </a:solidFill>
                  <a:latin typeface="+mj-lt"/>
                </a:rPr>
                <a:t> </a:t>
              </a:r>
              <a:r>
                <a:rPr lang="en-GB" sz="1400" dirty="0" err="1">
                  <a:solidFill>
                    <a:srgbClr val="303436"/>
                  </a:solidFill>
                  <a:latin typeface="+mj-lt"/>
                </a:rPr>
                <a:t>zachráněné</a:t>
              </a:r>
              <a:r>
                <a:rPr lang="en-GB" sz="1400" dirty="0">
                  <a:solidFill>
                    <a:srgbClr val="303436"/>
                  </a:solidFill>
                  <a:latin typeface="+mj-lt"/>
                </a:rPr>
                <a:t> </a:t>
              </a:r>
              <a:r>
                <a:rPr lang="en-GB" sz="1400" dirty="0" err="1">
                  <a:solidFill>
                    <a:srgbClr val="303436"/>
                  </a:solidFill>
                  <a:latin typeface="+mj-lt"/>
                </a:rPr>
                <a:t>každý</a:t>
              </a:r>
              <a:r>
                <a:rPr lang="en-GB" sz="1400" dirty="0">
                  <a:solidFill>
                    <a:srgbClr val="303436"/>
                  </a:solidFill>
                  <a:latin typeface="+mj-lt"/>
                </a:rPr>
                <a:t> </a:t>
              </a:r>
              <a:r>
                <a:rPr lang="en-GB" sz="1400" dirty="0" err="1">
                  <a:solidFill>
                    <a:srgbClr val="303436"/>
                  </a:solidFill>
                  <a:latin typeface="+mj-lt"/>
                </a:rPr>
                <a:t>rok</a:t>
              </a:r>
              <a:r>
                <a:rPr lang="en-GB" sz="1400" dirty="0">
                  <a:solidFill>
                    <a:srgbClr val="303436"/>
                  </a:solidFill>
                  <a:latin typeface="+mj-lt"/>
                </a:rPr>
                <a:t> </a:t>
              </a:r>
              <a:r>
                <a:rPr lang="en-GB" sz="1400" dirty="0" err="1">
                  <a:solidFill>
                    <a:srgbClr val="303436"/>
                  </a:solidFill>
                  <a:latin typeface="+mj-lt"/>
                </a:rPr>
                <a:t>ve</a:t>
              </a:r>
              <a:r>
                <a:rPr lang="en-GB" sz="1400" dirty="0">
                  <a:solidFill>
                    <a:srgbClr val="303436"/>
                  </a:solidFill>
                  <a:latin typeface="+mj-lt"/>
                </a:rPr>
                <a:t> </a:t>
              </a:r>
              <a:r>
                <a:rPr lang="en-GB" sz="1400" dirty="0" err="1">
                  <a:solidFill>
                    <a:srgbClr val="303436"/>
                  </a:solidFill>
                  <a:latin typeface="+mj-lt"/>
                </a:rPr>
                <a:t>městě</a:t>
              </a:r>
              <a:r>
                <a:rPr lang="en-GB" sz="1400" dirty="0">
                  <a:solidFill>
                    <a:srgbClr val="303436"/>
                  </a:solidFill>
                  <a:latin typeface="+mj-lt"/>
                </a:rPr>
                <a:t> s 5 </a:t>
              </a:r>
              <a:r>
                <a:rPr lang="en-GB" sz="1400" dirty="0" err="1">
                  <a:solidFill>
                    <a:srgbClr val="303436"/>
                  </a:solidFill>
                  <a:latin typeface="+mj-lt"/>
                </a:rPr>
                <a:t>miliony</a:t>
              </a:r>
              <a:r>
                <a:rPr lang="en-GB" sz="1400" dirty="0">
                  <a:solidFill>
                    <a:srgbClr val="303436"/>
                  </a:solidFill>
                  <a:latin typeface="+mj-lt"/>
                </a:rPr>
                <a:t> </a:t>
              </a:r>
              <a:r>
                <a:rPr lang="en-GB" sz="1400" dirty="0" err="1">
                  <a:solidFill>
                    <a:srgbClr val="303436"/>
                  </a:solidFill>
                  <a:latin typeface="+mj-lt"/>
                </a:rPr>
                <a:t>obyvatel</a:t>
              </a:r>
              <a:endParaRPr lang="en-GB" sz="1400" dirty="0">
                <a:latin typeface="+mj-lt"/>
              </a:endParaRPr>
            </a:p>
          </p:txBody>
        </p:sp>
        <p:pic>
          <p:nvPicPr>
            <p:cNvPr id="45" name="Graphic 44" descr="Heart with solid fill">
              <a:extLst>
                <a:ext uri="{FF2B5EF4-FFF2-40B4-BE49-F238E27FC236}">
                  <a16:creationId xmlns:a16="http://schemas.microsoft.com/office/drawing/2014/main" id="{6DF3C25B-D606-412C-A7F1-C85B828DD5EC}"/>
                </a:ext>
              </a:extLst>
            </p:cNvPr>
            <p:cNvPicPr>
              <a:picLocks noChangeAspect="1"/>
            </p:cNvPicPr>
            <p:nvPr/>
          </p:nvPicPr>
          <p:blipFill>
            <a:blip r:embed="rId14" cstate="screen">
              <a:extLst>
                <a:ext uri="{28A0092B-C50C-407E-A947-70E740481C1C}">
                  <a14:useLocalDpi xmlns:a14="http://schemas.microsoft.com/office/drawing/2010/main"/>
                </a:ext>
                <a:ext uri="{96DAC541-7B7A-43D3-8B79-37D633B846F1}">
                  <asvg:svgBlip xmlns:asvg="http://schemas.microsoft.com/office/drawing/2016/SVG/main" r:embed="rId15"/>
                </a:ext>
              </a:extLst>
            </a:blip>
            <a:stretch>
              <a:fillRect/>
            </a:stretch>
          </p:blipFill>
          <p:spPr>
            <a:xfrm>
              <a:off x="3632011" y="4881648"/>
              <a:ext cx="531264" cy="531264"/>
            </a:xfrm>
            <a:prstGeom prst="rect">
              <a:avLst/>
            </a:prstGeom>
          </p:spPr>
        </p:pic>
      </p:grpSp>
    </p:spTree>
    <p:extLst>
      <p:ext uri="{BB962C8B-B14F-4D97-AF65-F5344CB8AC3E}">
        <p14:creationId xmlns:p14="http://schemas.microsoft.com/office/powerpoint/2010/main" val="250864718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AutoShape 2">
            <a:extLst>
              <a:ext uri="{FF2B5EF4-FFF2-40B4-BE49-F238E27FC236}">
                <a16:creationId xmlns:a16="http://schemas.microsoft.com/office/drawing/2014/main" id="{D28C8233-F2B9-4088-9987-B565E6804627}"/>
              </a:ext>
            </a:extLst>
          </p:cNvPr>
          <p:cNvSpPr>
            <a:spLocks noChangeAspect="1" noChangeArrowheads="1"/>
          </p:cNvSpPr>
          <p:nvPr/>
        </p:nvSpPr>
        <p:spPr bwMode="auto">
          <a:xfrm>
            <a:off x="-2457450" y="2498725"/>
            <a:ext cx="1009650" cy="100965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GB"/>
          </a:p>
        </p:txBody>
      </p:sp>
      <p:sp>
        <p:nvSpPr>
          <p:cNvPr id="110" name="TextBox 109">
            <a:extLst>
              <a:ext uri="{FF2B5EF4-FFF2-40B4-BE49-F238E27FC236}">
                <a16:creationId xmlns:a16="http://schemas.microsoft.com/office/drawing/2014/main" id="{8E59D07D-9AB3-42A1-B3AF-BCAEDEDDBE5F}"/>
              </a:ext>
            </a:extLst>
          </p:cNvPr>
          <p:cNvSpPr txBox="1"/>
          <p:nvPr/>
        </p:nvSpPr>
        <p:spPr>
          <a:xfrm>
            <a:off x="570132" y="539099"/>
            <a:ext cx="4954368"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5400" cap="all" dirty="0">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rPr>
              <a:t>5 DŮVODŮ</a:t>
            </a:r>
            <a:endParaRPr kumimoji="0" lang="en-GB" sz="5400" b="0" i="0" u="none" strike="noStrike" kern="1200" cap="all" spc="0" normalizeH="0" baseline="0" dirty="0">
              <a:ln>
                <a:noFill/>
              </a:ln>
              <a:solidFill>
                <a:schemeClr val="bg1"/>
              </a:solidFill>
              <a:effectLst/>
              <a:uLnTx/>
              <a:uFillTx/>
              <a:latin typeface="Open Sans ExtraBold" panose="020B0906030804020204" pitchFamily="34" charset="0"/>
              <a:ea typeface="Open Sans ExtraBold" panose="020B0906030804020204" pitchFamily="34" charset="0"/>
              <a:cs typeface="Open Sans ExtraBold" panose="020B0906030804020204" pitchFamily="34" charset="0"/>
            </a:endParaRPr>
          </a:p>
        </p:txBody>
      </p:sp>
      <p:sp>
        <p:nvSpPr>
          <p:cNvPr id="61" name="TextBox 60">
            <a:extLst>
              <a:ext uri="{FF2B5EF4-FFF2-40B4-BE49-F238E27FC236}">
                <a16:creationId xmlns:a16="http://schemas.microsoft.com/office/drawing/2014/main" id="{65D86476-47CD-4F55-B3AF-4FE8F6D0B272}"/>
              </a:ext>
            </a:extLst>
          </p:cNvPr>
          <p:cNvSpPr txBox="1"/>
          <p:nvPr/>
        </p:nvSpPr>
        <p:spPr>
          <a:xfrm>
            <a:off x="570131" y="1245906"/>
            <a:ext cx="7204487" cy="646331"/>
          </a:xfrm>
          <a:prstGeom prst="rect">
            <a:avLst/>
          </a:prstGeom>
          <a:noFill/>
        </p:spPr>
        <p:txBody>
          <a:bodyPr wrap="square" rtlCol="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en-GB" sz="3600" b="0" i="0" u="none" strike="noStrike" kern="1200" cap="none" spc="0" normalizeH="0" baseline="0" noProof="0" dirty="0" err="1">
                <a:ln>
                  <a:noFill/>
                </a:ln>
                <a:solidFill>
                  <a:prstClr val="white">
                    <a:lumMod val="95000"/>
                  </a:prstClr>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Proč</a:t>
            </a:r>
            <a:r>
              <a:rPr kumimoji="0" lang="en-GB" sz="3600" b="0" i="0" u="none" strike="noStrike" kern="1200" cap="none" spc="0" normalizeH="0" baseline="0" noProof="0" dirty="0">
                <a:ln>
                  <a:noFill/>
                </a:ln>
                <a:solidFill>
                  <a:prstClr val="white">
                    <a:lumMod val="95000"/>
                  </a:prstClr>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 </a:t>
            </a:r>
            <a:r>
              <a:rPr kumimoji="0" lang="en-GB" sz="3600" b="0" i="0" u="none" strike="noStrike" kern="1200" cap="none" spc="0" normalizeH="0" baseline="0" noProof="0" dirty="0" err="1">
                <a:ln>
                  <a:noFill/>
                </a:ln>
                <a:solidFill>
                  <a:prstClr val="white">
                    <a:lumMod val="95000"/>
                  </a:prstClr>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zvolit</a:t>
            </a:r>
            <a:r>
              <a:rPr kumimoji="0" lang="en-GB" sz="3600" b="0" i="0" u="none" strike="noStrike" kern="1200" cap="none" spc="0" normalizeH="0" baseline="0" noProof="0" dirty="0">
                <a:ln>
                  <a:noFill/>
                </a:ln>
                <a:solidFill>
                  <a:prstClr val="white">
                    <a:lumMod val="95000"/>
                  </a:prstClr>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 </a:t>
            </a:r>
            <a:r>
              <a:rPr kumimoji="0" lang="en-GB" sz="3600" b="0" i="0" u="none" strike="noStrike" kern="1200" cap="none" spc="0" normalizeH="0" baseline="0" noProof="0" dirty="0" err="1">
                <a:ln>
                  <a:noFill/>
                </a:ln>
                <a:solidFill>
                  <a:prstClr val="white">
                    <a:lumMod val="95000"/>
                  </a:prstClr>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řešení</a:t>
            </a:r>
            <a:r>
              <a:rPr kumimoji="0" lang="en-GB" sz="3600" b="0" i="0" u="none" strike="noStrike" kern="1200" cap="none" spc="0" normalizeH="0" baseline="0" noProof="0" dirty="0">
                <a:ln>
                  <a:noFill/>
                </a:ln>
                <a:solidFill>
                  <a:prstClr val="white">
                    <a:lumMod val="95000"/>
                  </a:prstClr>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 od Milestone</a:t>
            </a:r>
            <a:endParaRPr lang="en-GB" dirty="0"/>
          </a:p>
        </p:txBody>
      </p:sp>
      <p:grpSp>
        <p:nvGrpSpPr>
          <p:cNvPr id="3" name="Group 2">
            <a:extLst>
              <a:ext uri="{FF2B5EF4-FFF2-40B4-BE49-F238E27FC236}">
                <a16:creationId xmlns:a16="http://schemas.microsoft.com/office/drawing/2014/main" id="{98E40EE5-B398-48BF-9B89-8515561EC630}"/>
              </a:ext>
            </a:extLst>
          </p:cNvPr>
          <p:cNvGrpSpPr/>
          <p:nvPr/>
        </p:nvGrpSpPr>
        <p:grpSpPr>
          <a:xfrm>
            <a:off x="633545" y="2369392"/>
            <a:ext cx="1481058" cy="1481036"/>
            <a:chOff x="722296" y="2922274"/>
            <a:chExt cx="672186" cy="672177"/>
          </a:xfrm>
        </p:grpSpPr>
        <p:sp>
          <p:nvSpPr>
            <p:cNvPr id="66" name="Oval 65">
              <a:extLst>
                <a:ext uri="{FF2B5EF4-FFF2-40B4-BE49-F238E27FC236}">
                  <a16:creationId xmlns:a16="http://schemas.microsoft.com/office/drawing/2014/main" id="{99750B88-3C46-445D-AABD-092003856F91}"/>
                </a:ext>
              </a:extLst>
            </p:cNvPr>
            <p:cNvSpPr/>
            <p:nvPr/>
          </p:nvSpPr>
          <p:spPr>
            <a:xfrm>
              <a:off x="722296" y="2922274"/>
              <a:ext cx="672186" cy="672177"/>
            </a:xfrm>
            <a:prstGeom prst="ellipse">
              <a:avLst/>
            </a:prstGeom>
            <a:solidFill>
              <a:schemeClr val="bg1">
                <a:alpha val="1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9" name="Oval 68">
              <a:extLst>
                <a:ext uri="{FF2B5EF4-FFF2-40B4-BE49-F238E27FC236}">
                  <a16:creationId xmlns:a16="http://schemas.microsoft.com/office/drawing/2014/main" id="{D8C3E4B7-33D4-4A17-B941-6D8558AC6F21}"/>
                </a:ext>
              </a:extLst>
            </p:cNvPr>
            <p:cNvSpPr/>
            <p:nvPr/>
          </p:nvSpPr>
          <p:spPr>
            <a:xfrm>
              <a:off x="915507" y="3115482"/>
              <a:ext cx="285764" cy="285760"/>
            </a:xfrm>
            <a:prstGeom prst="ellipse">
              <a:avLst/>
            </a:prstGeom>
            <a:solidFill>
              <a:schemeClr val="bg1">
                <a:alpha val="1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73" name="TextBox 72">
            <a:extLst>
              <a:ext uri="{FF2B5EF4-FFF2-40B4-BE49-F238E27FC236}">
                <a16:creationId xmlns:a16="http://schemas.microsoft.com/office/drawing/2014/main" id="{210E748F-3C21-4D13-A431-DAE7DDD246E0}"/>
              </a:ext>
            </a:extLst>
          </p:cNvPr>
          <p:cNvSpPr txBox="1">
            <a:spLocks/>
          </p:cNvSpPr>
          <p:nvPr/>
        </p:nvSpPr>
        <p:spPr>
          <a:xfrm>
            <a:off x="5929407" y="2750578"/>
            <a:ext cx="2084344" cy="553998"/>
          </a:xfrm>
          <a:prstGeom prst="rect">
            <a:avLst/>
          </a:prstGeom>
          <a:noFill/>
        </p:spPr>
        <p:txBody>
          <a:bodyPr wrap="square" lIns="0" tIns="0" rIns="0" bIns="0" rtlCol="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GB" b="1" dirty="0" err="1">
                <a:solidFill>
                  <a:schemeClr val="bg1"/>
                </a:solidFill>
                <a:latin typeface="Open Sans"/>
              </a:rPr>
              <a:t>Otevřená</a:t>
            </a:r>
            <a:endParaRPr lang="en-GB" dirty="0"/>
          </a:p>
          <a:p>
            <a:pPr marL="0" marR="0" lvl="0" indent="0" defTabSz="914400" rtl="0" eaLnBrk="1" fontAlgn="auto" latinLnBrk="0" hangingPunct="1">
              <a:lnSpc>
                <a:spcPct val="100000"/>
              </a:lnSpc>
              <a:spcBef>
                <a:spcPts val="0"/>
              </a:spcBef>
              <a:spcAft>
                <a:spcPts val="0"/>
              </a:spcAft>
              <a:buClrTx/>
              <a:buSzTx/>
              <a:buFontTx/>
              <a:buNone/>
              <a:tabLst/>
              <a:defRPr/>
            </a:pPr>
            <a:r>
              <a:rPr kumimoji="0" lang="en-GB" b="1" i="0" u="none" strike="noStrike" kern="1200" cap="none" spc="0" normalizeH="0" baseline="0" noProof="0" dirty="0" err="1">
                <a:ln>
                  <a:noFill/>
                </a:ln>
                <a:solidFill>
                  <a:schemeClr val="bg1"/>
                </a:solidFill>
                <a:effectLst/>
                <a:uLnTx/>
                <a:uFillTx/>
                <a:latin typeface="Open Sans"/>
                <a:ea typeface="+mn-ea"/>
                <a:cs typeface="+mn-cs"/>
              </a:rPr>
              <a:t>platforma</a:t>
            </a:r>
            <a:endParaRPr lang="en-GB" dirty="0"/>
          </a:p>
        </p:txBody>
      </p:sp>
      <p:grpSp>
        <p:nvGrpSpPr>
          <p:cNvPr id="76" name="Group 75">
            <a:extLst>
              <a:ext uri="{FF2B5EF4-FFF2-40B4-BE49-F238E27FC236}">
                <a16:creationId xmlns:a16="http://schemas.microsoft.com/office/drawing/2014/main" id="{BEB30A4E-174C-4782-B61F-A6A2BD69D44D}"/>
              </a:ext>
            </a:extLst>
          </p:cNvPr>
          <p:cNvGrpSpPr/>
          <p:nvPr/>
        </p:nvGrpSpPr>
        <p:grpSpPr>
          <a:xfrm>
            <a:off x="1562977" y="4471242"/>
            <a:ext cx="1481058" cy="1481036"/>
            <a:chOff x="722296" y="2922274"/>
            <a:chExt cx="672186" cy="672177"/>
          </a:xfrm>
        </p:grpSpPr>
        <p:sp>
          <p:nvSpPr>
            <p:cNvPr id="77" name="Oval 76">
              <a:extLst>
                <a:ext uri="{FF2B5EF4-FFF2-40B4-BE49-F238E27FC236}">
                  <a16:creationId xmlns:a16="http://schemas.microsoft.com/office/drawing/2014/main" id="{07D03876-BBE2-4590-9C8A-20CA10D51FF6}"/>
                </a:ext>
              </a:extLst>
            </p:cNvPr>
            <p:cNvSpPr/>
            <p:nvPr/>
          </p:nvSpPr>
          <p:spPr>
            <a:xfrm>
              <a:off x="722296" y="2922274"/>
              <a:ext cx="672186" cy="672177"/>
            </a:xfrm>
            <a:prstGeom prst="ellipse">
              <a:avLst/>
            </a:prstGeom>
            <a:solidFill>
              <a:schemeClr val="bg1">
                <a:alpha val="1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9" name="Oval 78">
              <a:extLst>
                <a:ext uri="{FF2B5EF4-FFF2-40B4-BE49-F238E27FC236}">
                  <a16:creationId xmlns:a16="http://schemas.microsoft.com/office/drawing/2014/main" id="{EC361C61-C57A-41A1-B039-6119C9020701}"/>
                </a:ext>
              </a:extLst>
            </p:cNvPr>
            <p:cNvSpPr/>
            <p:nvPr/>
          </p:nvSpPr>
          <p:spPr>
            <a:xfrm>
              <a:off x="915507" y="3115482"/>
              <a:ext cx="285764" cy="285760"/>
            </a:xfrm>
            <a:prstGeom prst="ellipse">
              <a:avLst/>
            </a:prstGeom>
            <a:solidFill>
              <a:schemeClr val="bg1">
                <a:alpha val="1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81" name="TextBox 80">
            <a:extLst>
              <a:ext uri="{FF2B5EF4-FFF2-40B4-BE49-F238E27FC236}">
                <a16:creationId xmlns:a16="http://schemas.microsoft.com/office/drawing/2014/main" id="{3B8135EF-00BA-4033-B58F-177E9E5A925B}"/>
              </a:ext>
            </a:extLst>
          </p:cNvPr>
          <p:cNvSpPr txBox="1">
            <a:spLocks/>
          </p:cNvSpPr>
          <p:nvPr/>
        </p:nvSpPr>
        <p:spPr>
          <a:xfrm>
            <a:off x="3191915" y="4961215"/>
            <a:ext cx="2211344" cy="553998"/>
          </a:xfrm>
          <a:prstGeom prst="rect">
            <a:avLst/>
          </a:prstGeom>
          <a:noFill/>
        </p:spPr>
        <p:txBody>
          <a:bodyPr wrap="square" lIns="0" tIns="0" rIns="0" bIns="0" rtlCol="0">
            <a:spAutoFit/>
          </a:bodyPr>
          <a:lstStyle/>
          <a:p>
            <a:pPr lvl="0">
              <a:defRPr/>
            </a:pPr>
            <a:r>
              <a:rPr lang="en-GB" b="1" dirty="0" err="1">
                <a:solidFill>
                  <a:schemeClr val="bg1"/>
                </a:solidFill>
              </a:rPr>
              <a:t>Flexibilní</a:t>
            </a:r>
            <a:endParaRPr lang="en-GB" b="1" dirty="0">
              <a:solidFill>
                <a:schemeClr val="bg1"/>
              </a:solidFill>
            </a:endParaRPr>
          </a:p>
          <a:p>
            <a:pPr lvl="0">
              <a:defRPr/>
            </a:pPr>
            <a:r>
              <a:rPr lang="en-GB" b="1" dirty="0" err="1">
                <a:solidFill>
                  <a:schemeClr val="bg1"/>
                </a:solidFill>
              </a:rPr>
              <a:t>řešení</a:t>
            </a:r>
            <a:endParaRPr lang="en-GB" dirty="0"/>
          </a:p>
        </p:txBody>
      </p:sp>
      <p:grpSp>
        <p:nvGrpSpPr>
          <p:cNvPr id="88" name="Group 87">
            <a:extLst>
              <a:ext uri="{FF2B5EF4-FFF2-40B4-BE49-F238E27FC236}">
                <a16:creationId xmlns:a16="http://schemas.microsoft.com/office/drawing/2014/main" id="{EADF9B8B-5321-4F31-A598-67C6EB9879B2}"/>
              </a:ext>
            </a:extLst>
          </p:cNvPr>
          <p:cNvGrpSpPr/>
          <p:nvPr/>
        </p:nvGrpSpPr>
        <p:grpSpPr>
          <a:xfrm>
            <a:off x="4272174" y="2369392"/>
            <a:ext cx="1481058" cy="1481036"/>
            <a:chOff x="722296" y="2922274"/>
            <a:chExt cx="672186" cy="672177"/>
          </a:xfrm>
        </p:grpSpPr>
        <p:sp>
          <p:nvSpPr>
            <p:cNvPr id="99" name="Oval 98">
              <a:extLst>
                <a:ext uri="{FF2B5EF4-FFF2-40B4-BE49-F238E27FC236}">
                  <a16:creationId xmlns:a16="http://schemas.microsoft.com/office/drawing/2014/main" id="{8141A9A3-F04B-430E-89BC-9A3EC8B6E6AC}"/>
                </a:ext>
              </a:extLst>
            </p:cNvPr>
            <p:cNvSpPr/>
            <p:nvPr/>
          </p:nvSpPr>
          <p:spPr>
            <a:xfrm>
              <a:off x="722296" y="2922274"/>
              <a:ext cx="672186" cy="672177"/>
            </a:xfrm>
            <a:prstGeom prst="ellipse">
              <a:avLst/>
            </a:prstGeom>
            <a:solidFill>
              <a:schemeClr val="bg1">
                <a:alpha val="1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0" name="Oval 99">
              <a:extLst>
                <a:ext uri="{FF2B5EF4-FFF2-40B4-BE49-F238E27FC236}">
                  <a16:creationId xmlns:a16="http://schemas.microsoft.com/office/drawing/2014/main" id="{E3716007-95C4-4284-B652-F72ACCA66CE0}"/>
                </a:ext>
              </a:extLst>
            </p:cNvPr>
            <p:cNvSpPr/>
            <p:nvPr/>
          </p:nvSpPr>
          <p:spPr>
            <a:xfrm>
              <a:off x="915507" y="3115482"/>
              <a:ext cx="285764" cy="285760"/>
            </a:xfrm>
            <a:prstGeom prst="ellipse">
              <a:avLst/>
            </a:prstGeom>
            <a:solidFill>
              <a:schemeClr val="bg1">
                <a:alpha val="1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pic>
        <p:nvPicPr>
          <p:cNvPr id="101" name="Content Placeholder 6" descr="A close up of a sign&#10;&#10;Description automatically generated">
            <a:extLst>
              <a:ext uri="{FF2B5EF4-FFF2-40B4-BE49-F238E27FC236}">
                <a16:creationId xmlns:a16="http://schemas.microsoft.com/office/drawing/2014/main" id="{94542A0D-772C-482A-AEE0-5F54D6F5948A}"/>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1031945" y="2637811"/>
            <a:ext cx="765088" cy="943258"/>
          </a:xfrm>
          <a:prstGeom prst="rect">
            <a:avLst/>
          </a:prstGeom>
        </p:spPr>
      </p:pic>
      <p:sp>
        <p:nvSpPr>
          <p:cNvPr id="102" name="TextBox 101">
            <a:extLst>
              <a:ext uri="{FF2B5EF4-FFF2-40B4-BE49-F238E27FC236}">
                <a16:creationId xmlns:a16="http://schemas.microsoft.com/office/drawing/2014/main" id="{8614EDAF-246E-468E-A16E-D22753F9EF1F}"/>
              </a:ext>
            </a:extLst>
          </p:cNvPr>
          <p:cNvSpPr txBox="1">
            <a:spLocks/>
          </p:cNvSpPr>
          <p:nvPr/>
        </p:nvSpPr>
        <p:spPr>
          <a:xfrm>
            <a:off x="2255993" y="2555087"/>
            <a:ext cx="1231042" cy="1384995"/>
          </a:xfrm>
          <a:prstGeom prst="rect">
            <a:avLst/>
          </a:prstGeom>
          <a:noFill/>
        </p:spPr>
        <p:txBody>
          <a:bodyPr wrap="square" lIns="0" tIns="0" rIns="0" bIns="0" rtlCol="0">
            <a:spAutoFit/>
          </a:bodyPr>
          <a:lstStyle/>
          <a:p>
            <a:pPr lvl="0">
              <a:defRPr/>
            </a:pPr>
            <a:r>
              <a:rPr lang="en-GB" b="1" dirty="0" err="1">
                <a:solidFill>
                  <a:schemeClr val="bg1"/>
                </a:solidFill>
              </a:rPr>
              <a:t>Spolehlivý</a:t>
            </a:r>
            <a:r>
              <a:rPr lang="en-GB" b="1" dirty="0">
                <a:solidFill>
                  <a:schemeClr val="bg1"/>
                </a:solidFill>
              </a:rPr>
              <a:t> </a:t>
            </a:r>
            <a:r>
              <a:rPr lang="en-GB" b="1" dirty="0" err="1">
                <a:solidFill>
                  <a:schemeClr val="bg1"/>
                </a:solidFill>
              </a:rPr>
              <a:t>silný</a:t>
            </a:r>
            <a:r>
              <a:rPr lang="en-GB" b="1" dirty="0">
                <a:solidFill>
                  <a:schemeClr val="bg1"/>
                </a:solidFill>
              </a:rPr>
              <a:t>, </a:t>
            </a:r>
            <a:r>
              <a:rPr lang="en-GB" b="1" dirty="0" err="1">
                <a:solidFill>
                  <a:schemeClr val="bg1"/>
                </a:solidFill>
              </a:rPr>
              <a:t>na</a:t>
            </a:r>
            <a:r>
              <a:rPr lang="en-GB" b="1" dirty="0">
                <a:solidFill>
                  <a:schemeClr val="bg1"/>
                </a:solidFill>
              </a:rPr>
              <a:t> </a:t>
            </a:r>
            <a:r>
              <a:rPr lang="en-GB" b="1" dirty="0" err="1">
                <a:solidFill>
                  <a:schemeClr val="bg1"/>
                </a:solidFill>
              </a:rPr>
              <a:t>trhu</a:t>
            </a:r>
            <a:r>
              <a:rPr lang="en-GB" b="1" dirty="0">
                <a:solidFill>
                  <a:schemeClr val="bg1"/>
                </a:solidFill>
              </a:rPr>
              <a:t> </a:t>
            </a:r>
            <a:r>
              <a:rPr lang="en-GB" b="1" dirty="0" err="1">
                <a:solidFill>
                  <a:schemeClr val="bg1"/>
                </a:solidFill>
              </a:rPr>
              <a:t>znamý</a:t>
            </a:r>
            <a:r>
              <a:rPr lang="en-GB" b="1" dirty="0">
                <a:solidFill>
                  <a:schemeClr val="bg1"/>
                </a:solidFill>
              </a:rPr>
              <a:t> partner</a:t>
            </a:r>
            <a:endParaRPr lang="en-GB" dirty="0"/>
          </a:p>
        </p:txBody>
      </p:sp>
      <p:grpSp>
        <p:nvGrpSpPr>
          <p:cNvPr id="103" name="Group 102">
            <a:extLst>
              <a:ext uri="{FF2B5EF4-FFF2-40B4-BE49-F238E27FC236}">
                <a16:creationId xmlns:a16="http://schemas.microsoft.com/office/drawing/2014/main" id="{AE495640-CE09-4DA8-9D87-EFFEA7B44026}"/>
              </a:ext>
            </a:extLst>
          </p:cNvPr>
          <p:cNvGrpSpPr/>
          <p:nvPr/>
        </p:nvGrpSpPr>
        <p:grpSpPr>
          <a:xfrm>
            <a:off x="5295808" y="4476000"/>
            <a:ext cx="1481058" cy="1481036"/>
            <a:chOff x="722296" y="2922274"/>
            <a:chExt cx="672186" cy="672177"/>
          </a:xfrm>
        </p:grpSpPr>
        <p:sp>
          <p:nvSpPr>
            <p:cNvPr id="106" name="Oval 105">
              <a:extLst>
                <a:ext uri="{FF2B5EF4-FFF2-40B4-BE49-F238E27FC236}">
                  <a16:creationId xmlns:a16="http://schemas.microsoft.com/office/drawing/2014/main" id="{C57B1D7D-348F-474B-8786-FDA169A5CED4}"/>
                </a:ext>
              </a:extLst>
            </p:cNvPr>
            <p:cNvSpPr/>
            <p:nvPr/>
          </p:nvSpPr>
          <p:spPr>
            <a:xfrm>
              <a:off x="722296" y="2922274"/>
              <a:ext cx="672186" cy="672177"/>
            </a:xfrm>
            <a:prstGeom prst="ellipse">
              <a:avLst/>
            </a:prstGeom>
            <a:solidFill>
              <a:schemeClr val="bg1">
                <a:alpha val="1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7" name="Oval 106">
              <a:extLst>
                <a:ext uri="{FF2B5EF4-FFF2-40B4-BE49-F238E27FC236}">
                  <a16:creationId xmlns:a16="http://schemas.microsoft.com/office/drawing/2014/main" id="{C756A91D-FE0D-4B8A-85CC-6262F335CF26}"/>
                </a:ext>
              </a:extLst>
            </p:cNvPr>
            <p:cNvSpPr/>
            <p:nvPr/>
          </p:nvSpPr>
          <p:spPr>
            <a:xfrm>
              <a:off x="915507" y="3115482"/>
              <a:ext cx="285764" cy="285760"/>
            </a:xfrm>
            <a:prstGeom prst="ellipse">
              <a:avLst/>
            </a:prstGeom>
            <a:solidFill>
              <a:schemeClr val="bg1">
                <a:alpha val="1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09" name="TextBox 108">
            <a:extLst>
              <a:ext uri="{FF2B5EF4-FFF2-40B4-BE49-F238E27FC236}">
                <a16:creationId xmlns:a16="http://schemas.microsoft.com/office/drawing/2014/main" id="{FDC0ACB7-BEAD-456F-B5F6-B8FBA62325A7}"/>
              </a:ext>
            </a:extLst>
          </p:cNvPr>
          <p:cNvSpPr txBox="1">
            <a:spLocks/>
          </p:cNvSpPr>
          <p:nvPr/>
        </p:nvSpPr>
        <p:spPr>
          <a:xfrm>
            <a:off x="9678928" y="2911776"/>
            <a:ext cx="2084344" cy="830997"/>
          </a:xfrm>
          <a:prstGeom prst="rect">
            <a:avLst/>
          </a:prstGeom>
          <a:noFill/>
        </p:spPr>
        <p:txBody>
          <a:bodyPr wrap="square" lIns="0" tIns="0" rIns="0" bIns="0" rtlCol="0" anchor="t">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GB" b="1" dirty="0" err="1">
                <a:solidFill>
                  <a:schemeClr val="bg1"/>
                </a:solidFill>
                <a:latin typeface="Open Sans"/>
              </a:rPr>
              <a:t>Splňuje</a:t>
            </a:r>
            <a:r>
              <a:rPr lang="en-GB" b="1" dirty="0">
                <a:solidFill>
                  <a:schemeClr val="bg1"/>
                </a:solidFill>
                <a:latin typeface="Open Sans"/>
              </a:rPr>
              <a:t> Cybersecurity</a:t>
            </a:r>
            <a:r>
              <a:rPr kumimoji="0" lang="en-GB" b="1" i="0" u="none" strike="noStrike" kern="1200" cap="none" spc="0" normalizeH="0" baseline="0" noProof="0" dirty="0">
                <a:ln>
                  <a:noFill/>
                </a:ln>
                <a:solidFill>
                  <a:schemeClr val="bg1"/>
                </a:solidFill>
                <a:effectLst/>
                <a:uLnTx/>
                <a:uFillTx/>
                <a:latin typeface="Open Sans"/>
                <a:ea typeface="+mn-ea"/>
                <a:cs typeface="+mn-cs"/>
              </a:rPr>
              <a:t> &amp;</a:t>
            </a:r>
            <a:endParaRPr lang="en-GB" dirty="0"/>
          </a:p>
          <a:p>
            <a:pPr marL="0" marR="0" lvl="0" indent="0" defTabSz="914400" rtl="0" eaLnBrk="1" fontAlgn="auto" latinLnBrk="0" hangingPunct="1">
              <a:lnSpc>
                <a:spcPct val="100000"/>
              </a:lnSpc>
              <a:spcBef>
                <a:spcPts val="0"/>
              </a:spcBef>
              <a:spcAft>
                <a:spcPts val="0"/>
              </a:spcAft>
              <a:buClrTx/>
              <a:buSzTx/>
              <a:buFontTx/>
              <a:buNone/>
              <a:tabLst/>
              <a:defRPr/>
            </a:pPr>
            <a:r>
              <a:rPr kumimoji="0" lang="en-GB" b="1" i="0" u="none" strike="noStrike" kern="1200" cap="none" spc="0" normalizeH="0" baseline="0" noProof="0" dirty="0">
                <a:ln>
                  <a:noFill/>
                </a:ln>
                <a:solidFill>
                  <a:schemeClr val="bg1"/>
                </a:solidFill>
                <a:effectLst/>
                <a:uLnTx/>
                <a:uFillTx/>
                <a:latin typeface="Open Sans"/>
                <a:ea typeface="+mn-ea"/>
                <a:cs typeface="+mn-cs"/>
              </a:rPr>
              <a:t>GDPR</a:t>
            </a:r>
            <a:endParaRPr lang="en-GB" b="1" i="0" u="none" strike="noStrike" kern="1200" cap="none" spc="0" normalizeH="0" baseline="0" noProof="0" dirty="0">
              <a:ln>
                <a:noFill/>
              </a:ln>
              <a:solidFill>
                <a:schemeClr val="bg1"/>
              </a:solidFill>
              <a:effectLst/>
              <a:uLnTx/>
              <a:uFillTx/>
              <a:latin typeface="Open Sans"/>
              <a:ea typeface="Open Sans"/>
              <a:cs typeface="Open Sans"/>
            </a:endParaRPr>
          </a:p>
        </p:txBody>
      </p:sp>
      <p:grpSp>
        <p:nvGrpSpPr>
          <p:cNvPr id="116" name="Group 115">
            <a:extLst>
              <a:ext uri="{FF2B5EF4-FFF2-40B4-BE49-F238E27FC236}">
                <a16:creationId xmlns:a16="http://schemas.microsoft.com/office/drawing/2014/main" id="{C887EDB7-2598-46F7-9AC3-F683073AE86E}"/>
              </a:ext>
            </a:extLst>
          </p:cNvPr>
          <p:cNvGrpSpPr/>
          <p:nvPr/>
        </p:nvGrpSpPr>
        <p:grpSpPr>
          <a:xfrm>
            <a:off x="8033555" y="2709739"/>
            <a:ext cx="1481058" cy="1481036"/>
            <a:chOff x="529085" y="2171077"/>
            <a:chExt cx="672186" cy="672177"/>
          </a:xfrm>
        </p:grpSpPr>
        <p:sp>
          <p:nvSpPr>
            <p:cNvPr id="117" name="Oval 116">
              <a:extLst>
                <a:ext uri="{FF2B5EF4-FFF2-40B4-BE49-F238E27FC236}">
                  <a16:creationId xmlns:a16="http://schemas.microsoft.com/office/drawing/2014/main" id="{1C82FB94-539F-443E-9403-527F117B1F53}"/>
                </a:ext>
              </a:extLst>
            </p:cNvPr>
            <p:cNvSpPr/>
            <p:nvPr/>
          </p:nvSpPr>
          <p:spPr>
            <a:xfrm>
              <a:off x="529085" y="2171077"/>
              <a:ext cx="672186" cy="672177"/>
            </a:xfrm>
            <a:prstGeom prst="ellipse">
              <a:avLst/>
            </a:prstGeom>
            <a:solidFill>
              <a:schemeClr val="bg1">
                <a:alpha val="1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8" name="Oval 117">
              <a:extLst>
                <a:ext uri="{FF2B5EF4-FFF2-40B4-BE49-F238E27FC236}">
                  <a16:creationId xmlns:a16="http://schemas.microsoft.com/office/drawing/2014/main" id="{5F042306-8507-4970-B067-A8503F6DD3C6}"/>
                </a:ext>
              </a:extLst>
            </p:cNvPr>
            <p:cNvSpPr/>
            <p:nvPr/>
          </p:nvSpPr>
          <p:spPr>
            <a:xfrm>
              <a:off x="729714" y="2361693"/>
              <a:ext cx="285764" cy="285760"/>
            </a:xfrm>
            <a:prstGeom prst="ellipse">
              <a:avLst/>
            </a:prstGeom>
            <a:solidFill>
              <a:schemeClr val="bg1">
                <a:alpha val="16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20" name="TextBox 119">
            <a:extLst>
              <a:ext uri="{FF2B5EF4-FFF2-40B4-BE49-F238E27FC236}">
                <a16:creationId xmlns:a16="http://schemas.microsoft.com/office/drawing/2014/main" id="{8BC3217A-85B5-4E26-9F22-C3423950C301}"/>
              </a:ext>
            </a:extLst>
          </p:cNvPr>
          <p:cNvSpPr txBox="1">
            <a:spLocks/>
          </p:cNvSpPr>
          <p:nvPr/>
        </p:nvSpPr>
        <p:spPr>
          <a:xfrm>
            <a:off x="6971579" y="4633460"/>
            <a:ext cx="2084344" cy="830997"/>
          </a:xfrm>
          <a:prstGeom prst="rect">
            <a:avLst/>
          </a:prstGeom>
          <a:noFill/>
        </p:spPr>
        <p:txBody>
          <a:bodyPr wrap="square" lIns="0" tIns="0" rIns="0" bIns="0" rtlCol="0" anchor="t">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lang="en-GB" b="1" dirty="0" err="1">
                <a:solidFill>
                  <a:schemeClr val="bg1"/>
                </a:solidFill>
                <a:latin typeface="Open Sans"/>
              </a:rPr>
              <a:t>Množství</a:t>
            </a:r>
            <a:r>
              <a:rPr lang="en-GB" b="1" dirty="0">
                <a:solidFill>
                  <a:schemeClr val="bg1"/>
                </a:solidFill>
                <a:latin typeface="Open Sans"/>
              </a:rPr>
              <a:t> </a:t>
            </a:r>
            <a:r>
              <a:rPr lang="en-GB" b="1" dirty="0" err="1">
                <a:solidFill>
                  <a:schemeClr val="bg1"/>
                </a:solidFill>
                <a:latin typeface="Open Sans"/>
              </a:rPr>
              <a:t>technologických</a:t>
            </a:r>
            <a:r>
              <a:rPr lang="en-GB" b="1" dirty="0">
                <a:solidFill>
                  <a:schemeClr val="bg1"/>
                </a:solidFill>
                <a:latin typeface="Open Sans"/>
              </a:rPr>
              <a:t> </a:t>
            </a:r>
            <a:r>
              <a:rPr lang="en-GB" b="1" dirty="0" err="1">
                <a:solidFill>
                  <a:schemeClr val="bg1"/>
                </a:solidFill>
                <a:latin typeface="Open Sans"/>
              </a:rPr>
              <a:t>integrací</a:t>
            </a:r>
            <a:endParaRPr lang="en-GB" b="1" i="0" u="none" strike="noStrike" kern="1200" cap="none" spc="0" normalizeH="0" baseline="0" noProof="0" dirty="0">
              <a:ln>
                <a:noFill/>
              </a:ln>
              <a:solidFill>
                <a:schemeClr val="bg1"/>
              </a:solidFill>
              <a:effectLst/>
              <a:uLnTx/>
              <a:uFillTx/>
              <a:latin typeface="Open Sans"/>
              <a:ea typeface="Open Sans"/>
              <a:cs typeface="Open Sans"/>
            </a:endParaRPr>
          </a:p>
        </p:txBody>
      </p:sp>
      <p:pic>
        <p:nvPicPr>
          <p:cNvPr id="121" name="Graphic 120">
            <a:extLst>
              <a:ext uri="{FF2B5EF4-FFF2-40B4-BE49-F238E27FC236}">
                <a16:creationId xmlns:a16="http://schemas.microsoft.com/office/drawing/2014/main" id="{D6A57DBE-5FA9-4835-AEF6-39E72022A5DA}"/>
              </a:ext>
            </a:extLst>
          </p:cNvPr>
          <p:cNvPicPr>
            <a:picLocks noChangeAspect="1"/>
          </p:cNvPicPr>
          <p:nvPr>
            <p:custDataLst>
              <p:tags r:id="rId1"/>
            </p:custDataLst>
          </p:nvPr>
        </p:nvPicPr>
        <p:blipFill>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rcRect/>
          <a:stretch>
            <a:fillRect/>
          </a:stretch>
        </p:blipFill>
        <p:spPr>
          <a:xfrm>
            <a:off x="7850588" y="2604997"/>
            <a:ext cx="1937192" cy="1451790"/>
          </a:xfrm>
          <a:prstGeom prst="rect">
            <a:avLst/>
          </a:prstGeom>
        </p:spPr>
      </p:pic>
      <p:grpSp>
        <p:nvGrpSpPr>
          <p:cNvPr id="122" name="Group 121">
            <a:extLst>
              <a:ext uri="{FF2B5EF4-FFF2-40B4-BE49-F238E27FC236}">
                <a16:creationId xmlns:a16="http://schemas.microsoft.com/office/drawing/2014/main" id="{297CCCC4-098F-40AA-AAD5-5006BD53ED1F}"/>
              </a:ext>
            </a:extLst>
          </p:cNvPr>
          <p:cNvGrpSpPr/>
          <p:nvPr/>
        </p:nvGrpSpPr>
        <p:grpSpPr>
          <a:xfrm rot="18900000">
            <a:off x="9715821" y="3830460"/>
            <a:ext cx="2482203" cy="1859782"/>
            <a:chOff x="6663147" y="1888828"/>
            <a:chExt cx="1956636" cy="1466003"/>
          </a:xfrm>
        </p:grpSpPr>
        <p:cxnSp>
          <p:nvCxnSpPr>
            <p:cNvPr id="123" name="Straight Connector 122">
              <a:extLst>
                <a:ext uri="{FF2B5EF4-FFF2-40B4-BE49-F238E27FC236}">
                  <a16:creationId xmlns:a16="http://schemas.microsoft.com/office/drawing/2014/main" id="{55EEAAF7-AE7D-45E0-B2BF-C0B152564246}"/>
                </a:ext>
              </a:extLst>
            </p:cNvPr>
            <p:cNvCxnSpPr>
              <a:cxnSpLocks/>
            </p:cNvCxnSpPr>
            <p:nvPr/>
          </p:nvCxnSpPr>
          <p:spPr>
            <a:xfrm rot="2700000" flipH="1">
              <a:off x="7254836" y="1989884"/>
              <a:ext cx="1466003" cy="1263891"/>
            </a:xfrm>
            <a:prstGeom prst="line">
              <a:avLst/>
            </a:prstGeom>
            <a:ln>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grpSp>
          <p:nvGrpSpPr>
            <p:cNvPr id="124" name="Group 123">
              <a:extLst>
                <a:ext uri="{FF2B5EF4-FFF2-40B4-BE49-F238E27FC236}">
                  <a16:creationId xmlns:a16="http://schemas.microsoft.com/office/drawing/2014/main" id="{783D4020-EDA5-403E-B8B3-AB52F949E9F0}"/>
                </a:ext>
              </a:extLst>
            </p:cNvPr>
            <p:cNvGrpSpPr/>
            <p:nvPr/>
          </p:nvGrpSpPr>
          <p:grpSpPr>
            <a:xfrm>
              <a:off x="6663147" y="2240332"/>
              <a:ext cx="628606" cy="628590"/>
              <a:chOff x="6663147" y="2240332"/>
              <a:chExt cx="628606" cy="628590"/>
            </a:xfrm>
          </p:grpSpPr>
          <p:sp>
            <p:nvSpPr>
              <p:cNvPr id="125" name="Oval 124">
                <a:extLst>
                  <a:ext uri="{FF2B5EF4-FFF2-40B4-BE49-F238E27FC236}">
                    <a16:creationId xmlns:a16="http://schemas.microsoft.com/office/drawing/2014/main" id="{14FEA1C3-3D9D-4C21-B5C9-70F3A8F3F8ED}"/>
                  </a:ext>
                </a:extLst>
              </p:cNvPr>
              <p:cNvSpPr/>
              <p:nvPr/>
            </p:nvSpPr>
            <p:spPr>
              <a:xfrm>
                <a:off x="6663147" y="2240332"/>
                <a:ext cx="628606" cy="628590"/>
              </a:xfrm>
              <a:prstGeom prst="ellipse">
                <a:avLst/>
              </a:prstGeom>
              <a:solidFill>
                <a:schemeClr val="bg1">
                  <a:alpha val="14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6" name="Oval 125">
                <a:extLst>
                  <a:ext uri="{FF2B5EF4-FFF2-40B4-BE49-F238E27FC236}">
                    <a16:creationId xmlns:a16="http://schemas.microsoft.com/office/drawing/2014/main" id="{22A25729-5371-4FCB-A24C-B109CA1CDDE8}"/>
                  </a:ext>
                </a:extLst>
              </p:cNvPr>
              <p:cNvSpPr/>
              <p:nvPr/>
            </p:nvSpPr>
            <p:spPr>
              <a:xfrm flipH="1" flipV="1">
                <a:off x="6891344" y="2468527"/>
                <a:ext cx="172212" cy="172202"/>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grpSp>
      <p:sp>
        <p:nvSpPr>
          <p:cNvPr id="127" name="Arc 126">
            <a:extLst>
              <a:ext uri="{FF2B5EF4-FFF2-40B4-BE49-F238E27FC236}">
                <a16:creationId xmlns:a16="http://schemas.microsoft.com/office/drawing/2014/main" id="{842C80BF-E391-48F9-ADB0-9C8709582A33}"/>
              </a:ext>
            </a:extLst>
          </p:cNvPr>
          <p:cNvSpPr/>
          <p:nvPr/>
        </p:nvSpPr>
        <p:spPr>
          <a:xfrm rot="20471769">
            <a:off x="5938963" y="3445579"/>
            <a:ext cx="4215273" cy="4215273"/>
          </a:xfrm>
          <a:prstGeom prst="arc">
            <a:avLst>
              <a:gd name="adj1" fmla="val 13724004"/>
              <a:gd name="adj2" fmla="val 17520246"/>
            </a:avLst>
          </a:prstGeom>
          <a:ln w="9525">
            <a:solidFill>
              <a:schemeClr val="bg1"/>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sp>
        <p:nvSpPr>
          <p:cNvPr id="128" name="Arc 127">
            <a:extLst>
              <a:ext uri="{FF2B5EF4-FFF2-40B4-BE49-F238E27FC236}">
                <a16:creationId xmlns:a16="http://schemas.microsoft.com/office/drawing/2014/main" id="{02D82831-96A3-4348-9331-18C9A53D104C}"/>
              </a:ext>
            </a:extLst>
          </p:cNvPr>
          <p:cNvSpPr/>
          <p:nvPr/>
        </p:nvSpPr>
        <p:spPr>
          <a:xfrm rot="2891059">
            <a:off x="1990938" y="3529009"/>
            <a:ext cx="4215273" cy="4215273"/>
          </a:xfrm>
          <a:prstGeom prst="arc">
            <a:avLst>
              <a:gd name="adj1" fmla="val 15164906"/>
              <a:gd name="adj2" fmla="val 16767879"/>
            </a:avLst>
          </a:prstGeom>
          <a:ln w="9525">
            <a:solidFill>
              <a:schemeClr val="bg1"/>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sp>
        <p:nvSpPr>
          <p:cNvPr id="129" name="Arc 128">
            <a:extLst>
              <a:ext uri="{FF2B5EF4-FFF2-40B4-BE49-F238E27FC236}">
                <a16:creationId xmlns:a16="http://schemas.microsoft.com/office/drawing/2014/main" id="{DB20764A-240D-42A9-9654-5D86D50249B9}"/>
              </a:ext>
            </a:extLst>
          </p:cNvPr>
          <p:cNvSpPr/>
          <p:nvPr/>
        </p:nvSpPr>
        <p:spPr>
          <a:xfrm rot="20471769">
            <a:off x="2233057" y="3445579"/>
            <a:ext cx="4215273" cy="4215273"/>
          </a:xfrm>
          <a:prstGeom prst="arc">
            <a:avLst>
              <a:gd name="adj1" fmla="val 13724004"/>
              <a:gd name="adj2" fmla="val 17333771"/>
            </a:avLst>
          </a:prstGeom>
          <a:ln w="9525">
            <a:solidFill>
              <a:schemeClr val="bg1"/>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sp>
        <p:nvSpPr>
          <p:cNvPr id="130" name="Arc 129">
            <a:extLst>
              <a:ext uri="{FF2B5EF4-FFF2-40B4-BE49-F238E27FC236}">
                <a16:creationId xmlns:a16="http://schemas.microsoft.com/office/drawing/2014/main" id="{F45A1F80-8DBA-4E2E-B3DA-395BD408EECE}"/>
              </a:ext>
            </a:extLst>
          </p:cNvPr>
          <p:cNvSpPr/>
          <p:nvPr/>
        </p:nvSpPr>
        <p:spPr>
          <a:xfrm rot="2891059">
            <a:off x="-1618937" y="3529008"/>
            <a:ext cx="4215273" cy="4215273"/>
          </a:xfrm>
          <a:prstGeom prst="arc">
            <a:avLst>
              <a:gd name="adj1" fmla="val 15164906"/>
              <a:gd name="adj2" fmla="val 16660414"/>
            </a:avLst>
          </a:prstGeom>
          <a:ln w="9525">
            <a:solidFill>
              <a:schemeClr val="bg1"/>
            </a:solidFill>
            <a:prstDash val="dash"/>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GB"/>
          </a:p>
        </p:txBody>
      </p:sp>
      <p:sp>
        <p:nvSpPr>
          <p:cNvPr id="40" name="Logo Placeholder">
            <a:extLst>
              <a:ext uri="{FF2B5EF4-FFF2-40B4-BE49-F238E27FC236}">
                <a16:creationId xmlns:a16="http://schemas.microsoft.com/office/drawing/2014/main" id="{04AC71A2-242A-4EB1-A9AA-42B85AA4E117}"/>
              </a:ext>
            </a:extLst>
          </p:cNvPr>
          <p:cNvSpPr>
            <a:spLocks noGrp="1"/>
          </p:cNvSpPr>
          <p:nvPr>
            <p:ph type="body" sz="quarter" idx="26" hasCustomPrompt="1"/>
          </p:nvPr>
        </p:nvSpPr>
        <p:spPr>
          <a:xfrm>
            <a:off x="447863" y="6492560"/>
            <a:ext cx="734400" cy="151200"/>
          </a:xfrm>
          <a:prstGeom prst="rect">
            <a:avLst/>
          </a:prstGeom>
          <a:blipFill>
            <a:blip r:embed="rId8" cstate="screen">
              <a:extLst>
                <a:ext uri="{28A0092B-C50C-407E-A947-70E740481C1C}">
                  <a14:useLocalDpi xmlns:a14="http://schemas.microsoft.com/office/drawing/2010/main"/>
                </a:ext>
              </a:extLst>
            </a:blip>
            <a:stretch>
              <a:fillRect/>
            </a:stretch>
          </a:blipFill>
        </p:spPr>
        <p:txBody>
          <a:bodyPr/>
          <a:lstStyle>
            <a:lvl1pPr marL="0" indent="0">
              <a:buNone/>
              <a:defRPr sz="100">
                <a:noFill/>
              </a:defRPr>
            </a:lvl1pPr>
            <a:lvl2pPr>
              <a:defRPr sz="100"/>
            </a:lvl2pPr>
            <a:lvl3pPr>
              <a:defRPr sz="100"/>
            </a:lvl3pPr>
            <a:lvl4pPr>
              <a:defRPr sz="100"/>
            </a:lvl4pPr>
            <a:lvl5pPr>
              <a:defRPr sz="100"/>
            </a:lvl5pPr>
          </a:lstStyle>
          <a:p>
            <a:pPr lvl="0"/>
            <a:r>
              <a:rPr lang="en-GB" noProof="0"/>
              <a:t>.</a:t>
            </a:r>
            <a:endParaRPr lang="en-GB"/>
          </a:p>
        </p:txBody>
      </p:sp>
      <p:pic>
        <p:nvPicPr>
          <p:cNvPr id="41" name="Picture 40" descr="Graphical user interface, application&#10;&#10;Description automatically generated">
            <a:extLst>
              <a:ext uri="{FF2B5EF4-FFF2-40B4-BE49-F238E27FC236}">
                <a16:creationId xmlns:a16="http://schemas.microsoft.com/office/drawing/2014/main" id="{6CE1EB1D-DDBD-4D87-B438-572ACEBF64D6}"/>
              </a:ext>
            </a:extLst>
          </p:cNvPr>
          <p:cNvPicPr>
            <a:picLocks noChangeAspect="1"/>
          </p:cNvPicPr>
          <p:nvPr/>
        </p:nvPicPr>
        <p:blipFill rotWithShape="1">
          <a:blip r:embed="rId9" cstate="screen">
            <a:extLst>
              <a:ext uri="{28A0092B-C50C-407E-A947-70E740481C1C}">
                <a14:useLocalDpi xmlns:a14="http://schemas.microsoft.com/office/drawing/2010/main"/>
              </a:ext>
            </a:extLst>
          </a:blip>
          <a:srcRect t="-3292" r="-17829"/>
          <a:stretch/>
        </p:blipFill>
        <p:spPr>
          <a:xfrm>
            <a:off x="5125334" y="4550773"/>
            <a:ext cx="1822006" cy="1085871"/>
          </a:xfrm>
          <a:prstGeom prst="rect">
            <a:avLst/>
          </a:prstGeom>
        </p:spPr>
      </p:pic>
      <p:pic>
        <p:nvPicPr>
          <p:cNvPr id="68" name="Graphic 67">
            <a:extLst>
              <a:ext uri="{FF2B5EF4-FFF2-40B4-BE49-F238E27FC236}">
                <a16:creationId xmlns:a16="http://schemas.microsoft.com/office/drawing/2014/main" id="{3071A94A-8D6E-4089-A8E8-AD2E667C069A}"/>
              </a:ext>
            </a:extLst>
          </p:cNvPr>
          <p:cNvPicPr>
            <a:picLocks noChangeAspect="1"/>
          </p:cNvPicPr>
          <p:nvPr>
            <p:custDataLst>
              <p:tags r:id="rId2"/>
            </p:custDataLst>
          </p:nvPr>
        </p:nvPicPr>
        <p:blipFill>
          <a:blip r:embed="rId10" cstate="screen">
            <a:extLst>
              <a:ext uri="{28A0092B-C50C-407E-A947-70E740481C1C}">
                <a14:useLocalDpi xmlns:a14="http://schemas.microsoft.com/office/drawing/2010/main"/>
              </a:ext>
              <a:ext uri="{96DAC541-7B7A-43D3-8B79-37D633B846F1}">
                <asvg:svgBlip xmlns:asvg="http://schemas.microsoft.com/office/drawing/2016/SVG/main" r:embed="rId11"/>
              </a:ext>
            </a:extLst>
          </a:blip>
          <a:srcRect/>
          <a:stretch>
            <a:fillRect/>
          </a:stretch>
        </p:blipFill>
        <p:spPr>
          <a:xfrm>
            <a:off x="4225409" y="2508198"/>
            <a:ext cx="1471087" cy="1103316"/>
          </a:xfrm>
          <a:prstGeom prst="rect">
            <a:avLst/>
          </a:prstGeom>
        </p:spPr>
      </p:pic>
      <p:pic>
        <p:nvPicPr>
          <p:cNvPr id="80" name="Picture 79" descr="A close up of a sign&#10;&#10;Description automatically generated">
            <a:extLst>
              <a:ext uri="{FF2B5EF4-FFF2-40B4-BE49-F238E27FC236}">
                <a16:creationId xmlns:a16="http://schemas.microsoft.com/office/drawing/2014/main" id="{C45BCC6D-E052-4E99-917F-ED327834AA06}"/>
              </a:ext>
            </a:extLst>
          </p:cNvPr>
          <p:cNvPicPr>
            <a:picLocks noChangeAspect="1"/>
          </p:cNvPicPr>
          <p:nvPr/>
        </p:nvPicPr>
        <p:blipFill rotWithShape="1">
          <a:blip r:embed="rId12" cstate="screen">
            <a:extLst>
              <a:ext uri="{28A0092B-C50C-407E-A947-70E740481C1C}">
                <a14:useLocalDpi xmlns:a14="http://schemas.microsoft.com/office/drawing/2010/main"/>
              </a:ext>
            </a:extLst>
          </a:blip>
          <a:srcRect/>
          <a:stretch/>
        </p:blipFill>
        <p:spPr>
          <a:xfrm>
            <a:off x="1538001" y="4514690"/>
            <a:ext cx="1531010" cy="1345536"/>
          </a:xfrm>
          <a:prstGeom prst="rect">
            <a:avLst/>
          </a:prstGeom>
        </p:spPr>
      </p:pic>
    </p:spTree>
    <p:extLst>
      <p:ext uri="{BB962C8B-B14F-4D97-AF65-F5344CB8AC3E}">
        <p14:creationId xmlns:p14="http://schemas.microsoft.com/office/powerpoint/2010/main" val="358885129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rgbClr val="023852"/>
        </a:solidFill>
        <a:effectLst/>
      </p:bgPr>
    </p:bg>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646E10A5-BD39-46C0-B5B9-FD7670A593E2}"/>
              </a:ext>
            </a:extLst>
          </p:cNvPr>
          <p:cNvSpPr>
            <a:spLocks noGrp="1"/>
          </p:cNvSpPr>
          <p:nvPr>
            <p:ph type="body" sz="quarter" idx="14"/>
          </p:nvPr>
        </p:nvSpPr>
        <p:spPr/>
        <p:txBody>
          <a:bodyPr/>
          <a:lstStyle/>
          <a:p>
            <a:endParaRPr lang="en-GB" dirty="0"/>
          </a:p>
        </p:txBody>
      </p:sp>
      <p:sp>
        <p:nvSpPr>
          <p:cNvPr id="5" name="Footer Placeholder 4">
            <a:extLst>
              <a:ext uri="{FF2B5EF4-FFF2-40B4-BE49-F238E27FC236}">
                <a16:creationId xmlns:a16="http://schemas.microsoft.com/office/drawing/2014/main" id="{29323537-7F63-41E2-AAFD-FD8140C2FF36}"/>
              </a:ext>
            </a:extLst>
          </p:cNvPr>
          <p:cNvSpPr>
            <a:spLocks noGrp="1"/>
          </p:cNvSpPr>
          <p:nvPr>
            <p:ph type="ftr" sz="quarter" idx="21"/>
          </p:nvPr>
        </p:nvSpPr>
        <p:spPr/>
        <p:txBody>
          <a:bodyPr/>
          <a:lstStyle/>
          <a:p>
            <a:endParaRPr lang="en-GB"/>
          </a:p>
        </p:txBody>
      </p:sp>
      <p:grpSp>
        <p:nvGrpSpPr>
          <p:cNvPr id="32" name="Group 31">
            <a:extLst>
              <a:ext uri="{FF2B5EF4-FFF2-40B4-BE49-F238E27FC236}">
                <a16:creationId xmlns:a16="http://schemas.microsoft.com/office/drawing/2014/main" id="{8266122A-D7A1-41F0-BD99-7CA32CE584DA}"/>
              </a:ext>
            </a:extLst>
          </p:cNvPr>
          <p:cNvGrpSpPr/>
          <p:nvPr/>
        </p:nvGrpSpPr>
        <p:grpSpPr>
          <a:xfrm>
            <a:off x="5551784" y="4170665"/>
            <a:ext cx="1325557" cy="454114"/>
            <a:chOff x="3334105" y="4240786"/>
            <a:chExt cx="772208" cy="264547"/>
          </a:xfrm>
        </p:grpSpPr>
        <p:sp>
          <p:nvSpPr>
            <p:cNvPr id="33" name="Freeform: Shape 32">
              <a:extLst>
                <a:ext uri="{FF2B5EF4-FFF2-40B4-BE49-F238E27FC236}">
                  <a16:creationId xmlns:a16="http://schemas.microsoft.com/office/drawing/2014/main" id="{052F3F12-50A2-4C85-B400-06EE4F98B91E}"/>
                </a:ext>
              </a:extLst>
            </p:cNvPr>
            <p:cNvSpPr/>
            <p:nvPr/>
          </p:nvSpPr>
          <p:spPr>
            <a:xfrm flipV="1">
              <a:off x="3769104" y="4240786"/>
              <a:ext cx="337209" cy="264547"/>
            </a:xfrm>
            <a:custGeom>
              <a:avLst/>
              <a:gdLst>
                <a:gd name="connsiteX0" fmla="*/ 931675 w 2979449"/>
                <a:gd name="connsiteY0" fmla="*/ 2337438 h 2337438"/>
                <a:gd name="connsiteX1" fmla="*/ 1811159 w 2979449"/>
                <a:gd name="connsiteY1" fmla="*/ 2337438 h 2337438"/>
                <a:gd name="connsiteX2" fmla="*/ 2979449 w 2979449"/>
                <a:gd name="connsiteY2" fmla="*/ 1169147 h 2337438"/>
                <a:gd name="connsiteX3" fmla="*/ 2979021 w 2979449"/>
                <a:gd name="connsiteY3" fmla="*/ 1168719 h 2337438"/>
                <a:gd name="connsiteX4" fmla="*/ 2979449 w 2979449"/>
                <a:gd name="connsiteY4" fmla="*/ 1168291 h 2337438"/>
                <a:gd name="connsiteX5" fmla="*/ 1811159 w 2979449"/>
                <a:gd name="connsiteY5" fmla="*/ 0 h 2337438"/>
                <a:gd name="connsiteX6" fmla="*/ 931675 w 2979449"/>
                <a:gd name="connsiteY6" fmla="*/ 0 h 2337438"/>
                <a:gd name="connsiteX7" fmla="*/ 929241 w 2979449"/>
                <a:gd name="connsiteY7" fmla="*/ 2434 h 2337438"/>
                <a:gd name="connsiteX8" fmla="*/ 1782860 w 2979449"/>
                <a:gd name="connsiteY8" fmla="*/ 856053 h 2337438"/>
                <a:gd name="connsiteX9" fmla="*/ 0 w 2979449"/>
                <a:gd name="connsiteY9" fmla="*/ 856053 h 2337438"/>
                <a:gd name="connsiteX10" fmla="*/ 0 w 2979449"/>
                <a:gd name="connsiteY10" fmla="*/ 1481384 h 2337438"/>
                <a:gd name="connsiteX11" fmla="*/ 1782861 w 2979449"/>
                <a:gd name="connsiteY11" fmla="*/ 1481384 h 2337438"/>
                <a:gd name="connsiteX12" fmla="*/ 929241 w 2979449"/>
                <a:gd name="connsiteY12" fmla="*/ 2335004 h 23374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979449" h="2337438">
                  <a:moveTo>
                    <a:pt x="931675" y="2337438"/>
                  </a:moveTo>
                  <a:lnTo>
                    <a:pt x="1811159" y="2337438"/>
                  </a:lnTo>
                  <a:lnTo>
                    <a:pt x="2979449" y="1169147"/>
                  </a:lnTo>
                  <a:lnTo>
                    <a:pt x="2979021" y="1168719"/>
                  </a:lnTo>
                  <a:lnTo>
                    <a:pt x="2979449" y="1168291"/>
                  </a:lnTo>
                  <a:lnTo>
                    <a:pt x="1811159" y="0"/>
                  </a:lnTo>
                  <a:lnTo>
                    <a:pt x="931675" y="0"/>
                  </a:lnTo>
                  <a:lnTo>
                    <a:pt x="929241" y="2434"/>
                  </a:lnTo>
                  <a:lnTo>
                    <a:pt x="1782860" y="856053"/>
                  </a:lnTo>
                  <a:lnTo>
                    <a:pt x="0" y="856053"/>
                  </a:lnTo>
                  <a:lnTo>
                    <a:pt x="0" y="1481384"/>
                  </a:lnTo>
                  <a:lnTo>
                    <a:pt x="1782861" y="1481384"/>
                  </a:lnTo>
                  <a:lnTo>
                    <a:pt x="929241" y="2335004"/>
                  </a:lnTo>
                  <a:close/>
                </a:path>
              </a:pathLst>
            </a:cu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999" b="0" i="0" u="none" strike="noStrike" kern="1200" cap="none" spc="0" normalizeH="0" baseline="0" noProof="0" err="1">
                <a:ln>
                  <a:noFill/>
                </a:ln>
                <a:solidFill>
                  <a:prstClr val="white"/>
                </a:solidFill>
                <a:effectLst/>
                <a:uLnTx/>
                <a:uFillTx/>
                <a:latin typeface="Open Sans"/>
                <a:ea typeface="+mn-ea"/>
                <a:cs typeface="+mn-cs"/>
              </a:endParaRPr>
            </a:p>
          </p:txBody>
        </p:sp>
        <p:sp>
          <p:nvSpPr>
            <p:cNvPr id="34" name="Freeform: Shape 33">
              <a:extLst>
                <a:ext uri="{FF2B5EF4-FFF2-40B4-BE49-F238E27FC236}">
                  <a16:creationId xmlns:a16="http://schemas.microsoft.com/office/drawing/2014/main" id="{4A750DD7-ED5F-4D89-B6AF-3CF106528866}"/>
                </a:ext>
              </a:extLst>
            </p:cNvPr>
            <p:cNvSpPr/>
            <p:nvPr/>
          </p:nvSpPr>
          <p:spPr>
            <a:xfrm flipH="1" flipV="1">
              <a:off x="3334105" y="4240786"/>
              <a:ext cx="337207" cy="264547"/>
            </a:xfrm>
            <a:custGeom>
              <a:avLst/>
              <a:gdLst>
                <a:gd name="connsiteX0" fmla="*/ 931675 w 2979449"/>
                <a:gd name="connsiteY0" fmla="*/ 2337438 h 2337438"/>
                <a:gd name="connsiteX1" fmla="*/ 1811159 w 2979449"/>
                <a:gd name="connsiteY1" fmla="*/ 2337438 h 2337438"/>
                <a:gd name="connsiteX2" fmla="*/ 2979449 w 2979449"/>
                <a:gd name="connsiteY2" fmla="*/ 1169147 h 2337438"/>
                <a:gd name="connsiteX3" fmla="*/ 2979021 w 2979449"/>
                <a:gd name="connsiteY3" fmla="*/ 1168719 h 2337438"/>
                <a:gd name="connsiteX4" fmla="*/ 2979449 w 2979449"/>
                <a:gd name="connsiteY4" fmla="*/ 1168291 h 2337438"/>
                <a:gd name="connsiteX5" fmla="*/ 1811159 w 2979449"/>
                <a:gd name="connsiteY5" fmla="*/ 0 h 2337438"/>
                <a:gd name="connsiteX6" fmla="*/ 931675 w 2979449"/>
                <a:gd name="connsiteY6" fmla="*/ 0 h 2337438"/>
                <a:gd name="connsiteX7" fmla="*/ 929241 w 2979449"/>
                <a:gd name="connsiteY7" fmla="*/ 2434 h 2337438"/>
                <a:gd name="connsiteX8" fmla="*/ 1782860 w 2979449"/>
                <a:gd name="connsiteY8" fmla="*/ 856053 h 2337438"/>
                <a:gd name="connsiteX9" fmla="*/ 0 w 2979449"/>
                <a:gd name="connsiteY9" fmla="*/ 856053 h 2337438"/>
                <a:gd name="connsiteX10" fmla="*/ 0 w 2979449"/>
                <a:gd name="connsiteY10" fmla="*/ 1481384 h 2337438"/>
                <a:gd name="connsiteX11" fmla="*/ 1782861 w 2979449"/>
                <a:gd name="connsiteY11" fmla="*/ 1481384 h 2337438"/>
                <a:gd name="connsiteX12" fmla="*/ 929241 w 2979449"/>
                <a:gd name="connsiteY12" fmla="*/ 2335004 h 23374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979449" h="2337438">
                  <a:moveTo>
                    <a:pt x="931675" y="2337438"/>
                  </a:moveTo>
                  <a:lnTo>
                    <a:pt x="1811159" y="2337438"/>
                  </a:lnTo>
                  <a:lnTo>
                    <a:pt x="2979449" y="1169147"/>
                  </a:lnTo>
                  <a:lnTo>
                    <a:pt x="2979021" y="1168719"/>
                  </a:lnTo>
                  <a:lnTo>
                    <a:pt x="2979449" y="1168291"/>
                  </a:lnTo>
                  <a:lnTo>
                    <a:pt x="1811159" y="0"/>
                  </a:lnTo>
                  <a:lnTo>
                    <a:pt x="931675" y="0"/>
                  </a:lnTo>
                  <a:lnTo>
                    <a:pt x="929241" y="2434"/>
                  </a:lnTo>
                  <a:lnTo>
                    <a:pt x="1782860" y="856053"/>
                  </a:lnTo>
                  <a:lnTo>
                    <a:pt x="0" y="856053"/>
                  </a:lnTo>
                  <a:lnTo>
                    <a:pt x="0" y="1481384"/>
                  </a:lnTo>
                  <a:lnTo>
                    <a:pt x="1782861" y="1481384"/>
                  </a:lnTo>
                  <a:lnTo>
                    <a:pt x="929241" y="2335004"/>
                  </a:lnTo>
                  <a:close/>
                </a:path>
              </a:pathLst>
            </a:cu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999" b="0" i="0" u="none" strike="noStrike" kern="1200" cap="none" spc="0" normalizeH="0" baseline="0" noProof="0" err="1">
                <a:ln>
                  <a:noFill/>
                </a:ln>
                <a:solidFill>
                  <a:prstClr val="white"/>
                </a:solidFill>
                <a:effectLst/>
                <a:uLnTx/>
                <a:uFillTx/>
                <a:latin typeface="Open Sans"/>
                <a:ea typeface="+mn-ea"/>
                <a:cs typeface="+mn-cs"/>
              </a:endParaRPr>
            </a:p>
          </p:txBody>
        </p:sp>
      </p:grpSp>
      <p:grpSp>
        <p:nvGrpSpPr>
          <p:cNvPr id="79" name="Group 78">
            <a:extLst>
              <a:ext uri="{FF2B5EF4-FFF2-40B4-BE49-F238E27FC236}">
                <a16:creationId xmlns:a16="http://schemas.microsoft.com/office/drawing/2014/main" id="{99BF0A97-648F-4103-BC1D-B09C28E61137}"/>
              </a:ext>
            </a:extLst>
          </p:cNvPr>
          <p:cNvGrpSpPr/>
          <p:nvPr/>
        </p:nvGrpSpPr>
        <p:grpSpPr>
          <a:xfrm>
            <a:off x="2600254" y="1943063"/>
            <a:ext cx="2356071" cy="3719202"/>
            <a:chOff x="6348006" y="2532964"/>
            <a:chExt cx="2271693" cy="3589748"/>
          </a:xfrm>
        </p:grpSpPr>
        <p:sp>
          <p:nvSpPr>
            <p:cNvPr id="31" name="Title 5">
              <a:extLst>
                <a:ext uri="{FF2B5EF4-FFF2-40B4-BE49-F238E27FC236}">
                  <a16:creationId xmlns:a16="http://schemas.microsoft.com/office/drawing/2014/main" id="{86868FFD-492F-46E6-A296-09612FAA8683}"/>
                </a:ext>
              </a:extLst>
            </p:cNvPr>
            <p:cNvSpPr txBox="1">
              <a:spLocks/>
            </p:cNvSpPr>
            <p:nvPr/>
          </p:nvSpPr>
          <p:spPr>
            <a:xfrm>
              <a:off x="6348006" y="2532964"/>
              <a:ext cx="2271693" cy="798608"/>
            </a:xfrm>
            <a:prstGeom prst="rect">
              <a:avLst/>
            </a:prstGeom>
          </p:spPr>
          <p:txBody>
            <a:bodyPr vert="horz" lIns="0" tIns="0" rIns="0" bIns="0" rtlCol="0" anchor="b" anchorCtr="0">
              <a:noAutofit/>
            </a:bodyPr>
            <a:lstStyle>
              <a:lvl1pPr marL="0" algn="l" defTabSz="914400" rtl="0" eaLnBrk="1" latinLnBrk="0" hangingPunct="1">
                <a:lnSpc>
                  <a:spcPct val="100000"/>
                </a:lnSpc>
                <a:spcBef>
                  <a:spcPct val="0"/>
                </a:spcBef>
                <a:spcAft>
                  <a:spcPts val="0"/>
                </a:spcAft>
                <a:buNone/>
                <a:defRPr sz="4000" b="0" kern="1200">
                  <a:solidFill>
                    <a:schemeClr val="bg1"/>
                  </a:solidFill>
                  <a:latin typeface="+mj-lt"/>
                  <a:ea typeface="Open Sans Light" panose="020B0604020202020204" charset="0"/>
                  <a:cs typeface="Open Sans Light" panose="020B0604020202020204" charset="0"/>
                </a:defRPr>
              </a:lvl1pPr>
            </a:lstStyle>
            <a:p>
              <a:pPr marL="0" marR="0" lvl="0" indent="0" algn="ctr" defTabSz="914333" rtl="0" eaLnBrk="1" fontAlgn="auto" latinLnBrk="0" hangingPunct="1">
                <a:lnSpc>
                  <a:spcPct val="90000"/>
                </a:lnSpc>
                <a:spcBef>
                  <a:spcPct val="0"/>
                </a:spcBef>
                <a:spcAft>
                  <a:spcPts val="0"/>
                </a:spcAft>
                <a:buClrTx/>
                <a:buSzTx/>
                <a:buFontTx/>
                <a:buNone/>
                <a:tabLst/>
                <a:defRPr/>
              </a:pPr>
              <a:r>
                <a:rPr kumimoji="0" lang="en-GB" sz="1999" b="1" i="0" u="none" strike="noStrike" kern="1200" cap="none" spc="0" normalizeH="0" baseline="0" noProof="0" dirty="0">
                  <a:ln>
                    <a:noFill/>
                  </a:ln>
                  <a:effectLst/>
                  <a:uLnTx/>
                  <a:uFillTx/>
                  <a:latin typeface="Open Sans Light"/>
                  <a:ea typeface="Open Sans Light" panose="020B0604020202020204" charset="0"/>
                  <a:cs typeface="Open Sans Light" panose="020B0604020202020204" charset="0"/>
                </a:rPr>
                <a:t>Video Solution</a:t>
              </a:r>
              <a:br>
                <a:rPr kumimoji="0" lang="en-US" sz="1999" b="1" i="0" u="none" strike="noStrike" kern="1200" cap="none" spc="0" normalizeH="0" baseline="0" noProof="0" dirty="0">
                  <a:ln>
                    <a:noFill/>
                  </a:ln>
                  <a:solidFill>
                    <a:srgbClr val="FFE700"/>
                  </a:solidFill>
                  <a:effectLst/>
                  <a:uLnTx/>
                  <a:uFillTx/>
                  <a:latin typeface="Open Sans Light"/>
                  <a:ea typeface="Open Sans Light" panose="020B0604020202020204" charset="0"/>
                  <a:cs typeface="Open Sans Light" panose="020B0604020202020204" charset="0"/>
                </a:rPr>
              </a:br>
              <a:r>
                <a:rPr kumimoji="0" lang="en-GB" sz="1400" b="0" i="0" u="none" strike="noStrike" kern="1200" cap="none" spc="0" normalizeH="0" baseline="0" noProof="0" dirty="0">
                  <a:ln>
                    <a:noFill/>
                  </a:ln>
                  <a:solidFill>
                    <a:prstClr val="white"/>
                  </a:solidFill>
                  <a:effectLst/>
                  <a:uLnTx/>
                  <a:uFillTx/>
                  <a:latin typeface="Open Sans Light"/>
                  <a:ea typeface="Open Sans Light" panose="020B0604020202020204" charset="0"/>
                  <a:cs typeface="Open Sans Light" panose="020B0604020202020204" charset="0"/>
                </a:rPr>
                <a:t>Powered by Milestone </a:t>
              </a:r>
              <a:endParaRPr kumimoji="0" lang="en-GB" sz="2800" b="1" i="0" u="none" strike="noStrike" kern="1200" cap="none" spc="0" normalizeH="0" baseline="0" noProof="0" dirty="0">
                <a:ln>
                  <a:noFill/>
                </a:ln>
                <a:solidFill>
                  <a:srgbClr val="FFE700"/>
                </a:solidFill>
                <a:effectLst/>
                <a:uLnTx/>
                <a:uFillTx/>
                <a:latin typeface="Open Sans Light"/>
                <a:ea typeface="Open Sans Light" panose="020B0604020202020204" charset="0"/>
                <a:cs typeface="Open Sans Light" panose="020B0604020202020204" charset="0"/>
              </a:endParaRPr>
            </a:p>
          </p:txBody>
        </p:sp>
        <p:grpSp>
          <p:nvGrpSpPr>
            <p:cNvPr id="35" name="Group 34">
              <a:extLst>
                <a:ext uri="{FF2B5EF4-FFF2-40B4-BE49-F238E27FC236}">
                  <a16:creationId xmlns:a16="http://schemas.microsoft.com/office/drawing/2014/main" id="{3C96C35E-8F95-423B-85B1-5A2FF5DFBFC4}"/>
                </a:ext>
              </a:extLst>
            </p:cNvPr>
            <p:cNvGrpSpPr/>
            <p:nvPr/>
          </p:nvGrpSpPr>
          <p:grpSpPr>
            <a:xfrm>
              <a:off x="6781397" y="3547009"/>
              <a:ext cx="1476837" cy="2575703"/>
              <a:chOff x="1000240" y="2653997"/>
              <a:chExt cx="1757393" cy="3065011"/>
            </a:xfrm>
          </p:grpSpPr>
          <p:grpSp>
            <p:nvGrpSpPr>
              <p:cNvPr id="36" name="Group 35">
                <a:extLst>
                  <a:ext uri="{FF2B5EF4-FFF2-40B4-BE49-F238E27FC236}">
                    <a16:creationId xmlns:a16="http://schemas.microsoft.com/office/drawing/2014/main" id="{1F9F1474-8487-4555-B982-20DFED5A4985}"/>
                  </a:ext>
                </a:extLst>
              </p:cNvPr>
              <p:cNvGrpSpPr/>
              <p:nvPr/>
            </p:nvGrpSpPr>
            <p:grpSpPr>
              <a:xfrm>
                <a:off x="1142432" y="4661595"/>
                <a:ext cx="1484368" cy="824294"/>
                <a:chOff x="3592814" y="5779963"/>
                <a:chExt cx="952771" cy="529089"/>
              </a:xfrm>
            </p:grpSpPr>
            <p:grpSp>
              <p:nvGrpSpPr>
                <p:cNvPr id="69" name="Group 68">
                  <a:extLst>
                    <a:ext uri="{FF2B5EF4-FFF2-40B4-BE49-F238E27FC236}">
                      <a16:creationId xmlns:a16="http://schemas.microsoft.com/office/drawing/2014/main" id="{8F9BBE94-820D-42CE-B048-9DD3F3A410F1}"/>
                    </a:ext>
                  </a:extLst>
                </p:cNvPr>
                <p:cNvGrpSpPr/>
                <p:nvPr/>
              </p:nvGrpSpPr>
              <p:grpSpPr>
                <a:xfrm>
                  <a:off x="3592814" y="5779963"/>
                  <a:ext cx="952771" cy="529089"/>
                  <a:chOff x="3485602" y="1482092"/>
                  <a:chExt cx="4999192" cy="2776131"/>
                </a:xfrm>
              </p:grpSpPr>
              <p:sp>
                <p:nvSpPr>
                  <p:cNvPr id="71" name="Freeform: Shape 70">
                    <a:extLst>
                      <a:ext uri="{FF2B5EF4-FFF2-40B4-BE49-F238E27FC236}">
                        <a16:creationId xmlns:a16="http://schemas.microsoft.com/office/drawing/2014/main" id="{E17BB8FB-D7D0-46F4-90EE-178539C7A6AA}"/>
                      </a:ext>
                    </a:extLst>
                  </p:cNvPr>
                  <p:cNvSpPr/>
                  <p:nvPr/>
                </p:nvSpPr>
                <p:spPr>
                  <a:xfrm>
                    <a:off x="3485602" y="1482092"/>
                    <a:ext cx="4996741" cy="2222150"/>
                  </a:xfrm>
                  <a:custGeom>
                    <a:avLst/>
                    <a:gdLst>
                      <a:gd name="connsiteX0" fmla="*/ 2305879 w 5041127"/>
                      <a:gd name="connsiteY0" fmla="*/ 0 h 1956021"/>
                      <a:gd name="connsiteX1" fmla="*/ 5041127 w 5041127"/>
                      <a:gd name="connsiteY1" fmla="*/ 826936 h 1956021"/>
                      <a:gd name="connsiteX2" fmla="*/ 2782957 w 5041127"/>
                      <a:gd name="connsiteY2" fmla="*/ 1956021 h 1956021"/>
                      <a:gd name="connsiteX3" fmla="*/ 0 w 5041127"/>
                      <a:gd name="connsiteY3" fmla="*/ 954157 h 1956021"/>
                      <a:gd name="connsiteX4" fmla="*/ 2305879 w 5041127"/>
                      <a:gd name="connsiteY4" fmla="*/ 0 h 1956021"/>
                      <a:gd name="connsiteX0" fmla="*/ 2305879 w 5018688"/>
                      <a:gd name="connsiteY0" fmla="*/ 0 h 1956021"/>
                      <a:gd name="connsiteX1" fmla="*/ 5018688 w 5018688"/>
                      <a:gd name="connsiteY1" fmla="*/ 829741 h 1956021"/>
                      <a:gd name="connsiteX2" fmla="*/ 2782957 w 5018688"/>
                      <a:gd name="connsiteY2" fmla="*/ 1956021 h 1956021"/>
                      <a:gd name="connsiteX3" fmla="*/ 0 w 5018688"/>
                      <a:gd name="connsiteY3" fmla="*/ 954157 h 1956021"/>
                      <a:gd name="connsiteX4" fmla="*/ 2305879 w 5018688"/>
                      <a:gd name="connsiteY4" fmla="*/ 0 h 1956021"/>
                      <a:gd name="connsiteX0" fmla="*/ 2305879 w 5018688"/>
                      <a:gd name="connsiteY0" fmla="*/ 0 h 1956021"/>
                      <a:gd name="connsiteX1" fmla="*/ 5018688 w 5018688"/>
                      <a:gd name="connsiteY1" fmla="*/ 835351 h 1956021"/>
                      <a:gd name="connsiteX2" fmla="*/ 2782957 w 5018688"/>
                      <a:gd name="connsiteY2" fmla="*/ 1956021 h 1956021"/>
                      <a:gd name="connsiteX3" fmla="*/ 0 w 5018688"/>
                      <a:gd name="connsiteY3" fmla="*/ 954157 h 1956021"/>
                      <a:gd name="connsiteX4" fmla="*/ 2305879 w 5018688"/>
                      <a:gd name="connsiteY4" fmla="*/ 0 h 1956021"/>
                      <a:gd name="connsiteX0" fmla="*/ 2303074 w 5015883"/>
                      <a:gd name="connsiteY0" fmla="*/ 0 h 1956021"/>
                      <a:gd name="connsiteX1" fmla="*/ 5015883 w 5015883"/>
                      <a:gd name="connsiteY1" fmla="*/ 835351 h 1956021"/>
                      <a:gd name="connsiteX2" fmla="*/ 2780152 w 5015883"/>
                      <a:gd name="connsiteY2" fmla="*/ 1956021 h 1956021"/>
                      <a:gd name="connsiteX3" fmla="*/ 0 w 5015883"/>
                      <a:gd name="connsiteY3" fmla="*/ 937327 h 1956021"/>
                      <a:gd name="connsiteX4" fmla="*/ 2303074 w 5015883"/>
                      <a:gd name="connsiteY4" fmla="*/ 0 h 1956021"/>
                      <a:gd name="connsiteX0" fmla="*/ 2303074 w 5015883"/>
                      <a:gd name="connsiteY0" fmla="*/ 0 h 1964436"/>
                      <a:gd name="connsiteX1" fmla="*/ 5015883 w 5015883"/>
                      <a:gd name="connsiteY1" fmla="*/ 835351 h 1964436"/>
                      <a:gd name="connsiteX2" fmla="*/ 2791372 w 5015883"/>
                      <a:gd name="connsiteY2" fmla="*/ 1964436 h 1964436"/>
                      <a:gd name="connsiteX3" fmla="*/ 0 w 5015883"/>
                      <a:gd name="connsiteY3" fmla="*/ 937327 h 1964436"/>
                      <a:gd name="connsiteX4" fmla="*/ 2303074 w 5015883"/>
                      <a:gd name="connsiteY4" fmla="*/ 0 h 1964436"/>
                      <a:gd name="connsiteX0" fmla="*/ 2303074 w 5009847"/>
                      <a:gd name="connsiteY0" fmla="*/ 0 h 1964436"/>
                      <a:gd name="connsiteX1" fmla="*/ 5009847 w 5009847"/>
                      <a:gd name="connsiteY1" fmla="*/ 874583 h 1964436"/>
                      <a:gd name="connsiteX2" fmla="*/ 2791372 w 5009847"/>
                      <a:gd name="connsiteY2" fmla="*/ 1964436 h 1964436"/>
                      <a:gd name="connsiteX3" fmla="*/ 0 w 5009847"/>
                      <a:gd name="connsiteY3" fmla="*/ 937327 h 1964436"/>
                      <a:gd name="connsiteX4" fmla="*/ 2303074 w 5009847"/>
                      <a:gd name="connsiteY4" fmla="*/ 0 h 1964436"/>
                      <a:gd name="connsiteX0" fmla="*/ 2320327 w 5009847"/>
                      <a:gd name="connsiteY0" fmla="*/ 0 h 1860919"/>
                      <a:gd name="connsiteX1" fmla="*/ 5009847 w 5009847"/>
                      <a:gd name="connsiteY1" fmla="*/ 771066 h 1860919"/>
                      <a:gd name="connsiteX2" fmla="*/ 2791372 w 5009847"/>
                      <a:gd name="connsiteY2" fmla="*/ 1860919 h 1860919"/>
                      <a:gd name="connsiteX3" fmla="*/ 0 w 5009847"/>
                      <a:gd name="connsiteY3" fmla="*/ 833810 h 1860919"/>
                      <a:gd name="connsiteX4" fmla="*/ 2320327 w 5009847"/>
                      <a:gd name="connsiteY4" fmla="*/ 0 h 1860919"/>
                      <a:gd name="connsiteX0" fmla="*/ 2331829 w 5009847"/>
                      <a:gd name="connsiteY0" fmla="*/ 0 h 1745900"/>
                      <a:gd name="connsiteX1" fmla="*/ 5009847 w 5009847"/>
                      <a:gd name="connsiteY1" fmla="*/ 656047 h 1745900"/>
                      <a:gd name="connsiteX2" fmla="*/ 2791372 w 5009847"/>
                      <a:gd name="connsiteY2" fmla="*/ 1745900 h 1745900"/>
                      <a:gd name="connsiteX3" fmla="*/ 0 w 5009847"/>
                      <a:gd name="connsiteY3" fmla="*/ 718791 h 1745900"/>
                      <a:gd name="connsiteX4" fmla="*/ 2331829 w 5009847"/>
                      <a:gd name="connsiteY4" fmla="*/ 0 h 1745900"/>
                      <a:gd name="connsiteX0" fmla="*/ 2322639 w 5000657"/>
                      <a:gd name="connsiteY0" fmla="*/ 0 h 1745900"/>
                      <a:gd name="connsiteX1" fmla="*/ 5000657 w 5000657"/>
                      <a:gd name="connsiteY1" fmla="*/ 656047 h 1745900"/>
                      <a:gd name="connsiteX2" fmla="*/ 2782182 w 5000657"/>
                      <a:gd name="connsiteY2" fmla="*/ 1745900 h 1745900"/>
                      <a:gd name="connsiteX3" fmla="*/ 0 w 5000657"/>
                      <a:gd name="connsiteY3" fmla="*/ 530397 h 1745900"/>
                      <a:gd name="connsiteX4" fmla="*/ 2322639 w 5000657"/>
                      <a:gd name="connsiteY4" fmla="*/ 0 h 1745900"/>
                      <a:gd name="connsiteX0" fmla="*/ 2322639 w 5003675"/>
                      <a:gd name="connsiteY0" fmla="*/ 0 h 1745900"/>
                      <a:gd name="connsiteX1" fmla="*/ 5003675 w 5003675"/>
                      <a:gd name="connsiteY1" fmla="*/ 520245 h 1745900"/>
                      <a:gd name="connsiteX2" fmla="*/ 2782182 w 5003675"/>
                      <a:gd name="connsiteY2" fmla="*/ 1745900 h 1745900"/>
                      <a:gd name="connsiteX3" fmla="*/ 0 w 5003675"/>
                      <a:gd name="connsiteY3" fmla="*/ 530397 h 1745900"/>
                      <a:gd name="connsiteX4" fmla="*/ 2322639 w 5003675"/>
                      <a:gd name="connsiteY4" fmla="*/ 0 h 1745900"/>
                      <a:gd name="connsiteX0" fmla="*/ 2322639 w 5000657"/>
                      <a:gd name="connsiteY0" fmla="*/ 0 h 1745900"/>
                      <a:gd name="connsiteX1" fmla="*/ 5000657 w 5000657"/>
                      <a:gd name="connsiteY1" fmla="*/ 499121 h 1745900"/>
                      <a:gd name="connsiteX2" fmla="*/ 2782182 w 5000657"/>
                      <a:gd name="connsiteY2" fmla="*/ 1745900 h 1745900"/>
                      <a:gd name="connsiteX3" fmla="*/ 0 w 5000657"/>
                      <a:gd name="connsiteY3" fmla="*/ 530397 h 1745900"/>
                      <a:gd name="connsiteX4" fmla="*/ 2322639 w 5000657"/>
                      <a:gd name="connsiteY4" fmla="*/ 0 h 1745900"/>
                      <a:gd name="connsiteX0" fmla="*/ 2322639 w 4995417"/>
                      <a:gd name="connsiteY0" fmla="*/ 0 h 1745900"/>
                      <a:gd name="connsiteX1" fmla="*/ 4995417 w 4995417"/>
                      <a:gd name="connsiteY1" fmla="*/ 328818 h 1745900"/>
                      <a:gd name="connsiteX2" fmla="*/ 2782182 w 4995417"/>
                      <a:gd name="connsiteY2" fmla="*/ 1745900 h 1745900"/>
                      <a:gd name="connsiteX3" fmla="*/ 0 w 4995417"/>
                      <a:gd name="connsiteY3" fmla="*/ 530397 h 1745900"/>
                      <a:gd name="connsiteX4" fmla="*/ 2322639 w 4995417"/>
                      <a:gd name="connsiteY4" fmla="*/ 0 h 1745900"/>
                      <a:gd name="connsiteX0" fmla="*/ 2329314 w 5002092"/>
                      <a:gd name="connsiteY0" fmla="*/ 0 h 1745900"/>
                      <a:gd name="connsiteX1" fmla="*/ 5002092 w 5002092"/>
                      <a:gd name="connsiteY1" fmla="*/ 328818 h 1745900"/>
                      <a:gd name="connsiteX2" fmla="*/ 2788857 w 5002092"/>
                      <a:gd name="connsiteY2" fmla="*/ 1745900 h 1745900"/>
                      <a:gd name="connsiteX3" fmla="*/ 0 w 5002092"/>
                      <a:gd name="connsiteY3" fmla="*/ 290117 h 1745900"/>
                      <a:gd name="connsiteX4" fmla="*/ 2329314 w 5002092"/>
                      <a:gd name="connsiteY4" fmla="*/ 0 h 1745900"/>
                      <a:gd name="connsiteX0" fmla="*/ 2415039 w 5002092"/>
                      <a:gd name="connsiteY0" fmla="*/ 0 h 2022125"/>
                      <a:gd name="connsiteX1" fmla="*/ 5002092 w 5002092"/>
                      <a:gd name="connsiteY1" fmla="*/ 605043 h 2022125"/>
                      <a:gd name="connsiteX2" fmla="*/ 2788857 w 5002092"/>
                      <a:gd name="connsiteY2" fmla="*/ 2022125 h 2022125"/>
                      <a:gd name="connsiteX3" fmla="*/ 0 w 5002092"/>
                      <a:gd name="connsiteY3" fmla="*/ 566342 h 2022125"/>
                      <a:gd name="connsiteX4" fmla="*/ 2415039 w 5002092"/>
                      <a:gd name="connsiteY4" fmla="*/ 0 h 2022125"/>
                      <a:gd name="connsiteX0" fmla="*/ 2443614 w 5002092"/>
                      <a:gd name="connsiteY0" fmla="*/ 0 h 2117375"/>
                      <a:gd name="connsiteX1" fmla="*/ 5002092 w 5002092"/>
                      <a:gd name="connsiteY1" fmla="*/ 700293 h 2117375"/>
                      <a:gd name="connsiteX2" fmla="*/ 2788857 w 5002092"/>
                      <a:gd name="connsiteY2" fmla="*/ 2117375 h 2117375"/>
                      <a:gd name="connsiteX3" fmla="*/ 0 w 5002092"/>
                      <a:gd name="connsiteY3" fmla="*/ 661592 h 2117375"/>
                      <a:gd name="connsiteX4" fmla="*/ 2443614 w 5002092"/>
                      <a:gd name="connsiteY4" fmla="*/ 0 h 2117375"/>
                      <a:gd name="connsiteX0" fmla="*/ 2386464 w 5002092"/>
                      <a:gd name="connsiteY0" fmla="*/ 0 h 2165000"/>
                      <a:gd name="connsiteX1" fmla="*/ 5002092 w 5002092"/>
                      <a:gd name="connsiteY1" fmla="*/ 747918 h 2165000"/>
                      <a:gd name="connsiteX2" fmla="*/ 2788857 w 5002092"/>
                      <a:gd name="connsiteY2" fmla="*/ 2165000 h 2165000"/>
                      <a:gd name="connsiteX3" fmla="*/ 0 w 5002092"/>
                      <a:gd name="connsiteY3" fmla="*/ 709217 h 2165000"/>
                      <a:gd name="connsiteX4" fmla="*/ 2386464 w 5002092"/>
                      <a:gd name="connsiteY4" fmla="*/ 0 h 2165000"/>
                      <a:gd name="connsiteX0" fmla="*/ 2367414 w 5002092"/>
                      <a:gd name="connsiteY0" fmla="*/ 0 h 2222150"/>
                      <a:gd name="connsiteX1" fmla="*/ 5002092 w 5002092"/>
                      <a:gd name="connsiteY1" fmla="*/ 805068 h 2222150"/>
                      <a:gd name="connsiteX2" fmla="*/ 2788857 w 5002092"/>
                      <a:gd name="connsiteY2" fmla="*/ 2222150 h 2222150"/>
                      <a:gd name="connsiteX3" fmla="*/ 0 w 5002092"/>
                      <a:gd name="connsiteY3" fmla="*/ 766367 h 2222150"/>
                      <a:gd name="connsiteX4" fmla="*/ 2367414 w 5002092"/>
                      <a:gd name="connsiteY4" fmla="*/ 0 h 2222150"/>
                      <a:gd name="connsiteX0" fmla="*/ 2372252 w 5006930"/>
                      <a:gd name="connsiteY0" fmla="*/ 0 h 2222150"/>
                      <a:gd name="connsiteX1" fmla="*/ 5006930 w 5006930"/>
                      <a:gd name="connsiteY1" fmla="*/ 805068 h 2222150"/>
                      <a:gd name="connsiteX2" fmla="*/ 2793695 w 5006930"/>
                      <a:gd name="connsiteY2" fmla="*/ 2222150 h 2222150"/>
                      <a:gd name="connsiteX3" fmla="*/ 0 w 5006930"/>
                      <a:gd name="connsiteY3" fmla="*/ 759110 h 2222150"/>
                      <a:gd name="connsiteX4" fmla="*/ 2372252 w 5006930"/>
                      <a:gd name="connsiteY4" fmla="*/ 0 h 2222150"/>
                      <a:gd name="connsiteX0" fmla="*/ 2374671 w 5009349"/>
                      <a:gd name="connsiteY0" fmla="*/ 0 h 2222150"/>
                      <a:gd name="connsiteX1" fmla="*/ 5009349 w 5009349"/>
                      <a:gd name="connsiteY1" fmla="*/ 805068 h 2222150"/>
                      <a:gd name="connsiteX2" fmla="*/ 2796114 w 5009349"/>
                      <a:gd name="connsiteY2" fmla="*/ 2222150 h 2222150"/>
                      <a:gd name="connsiteX3" fmla="*/ 0 w 5009349"/>
                      <a:gd name="connsiteY3" fmla="*/ 759110 h 2222150"/>
                      <a:gd name="connsiteX4" fmla="*/ 2374671 w 5009349"/>
                      <a:gd name="connsiteY4" fmla="*/ 0 h 2222150"/>
                      <a:gd name="connsiteX0" fmla="*/ 2377090 w 5011768"/>
                      <a:gd name="connsiteY0" fmla="*/ 0 h 2222150"/>
                      <a:gd name="connsiteX1" fmla="*/ 5011768 w 5011768"/>
                      <a:gd name="connsiteY1" fmla="*/ 805068 h 2222150"/>
                      <a:gd name="connsiteX2" fmla="*/ 2798533 w 5011768"/>
                      <a:gd name="connsiteY2" fmla="*/ 2222150 h 2222150"/>
                      <a:gd name="connsiteX3" fmla="*/ 0 w 5011768"/>
                      <a:gd name="connsiteY3" fmla="*/ 759110 h 2222150"/>
                      <a:gd name="connsiteX4" fmla="*/ 2377090 w 5011768"/>
                      <a:gd name="connsiteY4" fmla="*/ 0 h 2222150"/>
                      <a:gd name="connsiteX0" fmla="*/ 2377090 w 4975707"/>
                      <a:gd name="connsiteY0" fmla="*/ 0 h 2222150"/>
                      <a:gd name="connsiteX1" fmla="*/ 4975707 w 4975707"/>
                      <a:gd name="connsiteY1" fmla="*/ 756128 h 2222150"/>
                      <a:gd name="connsiteX2" fmla="*/ 2798533 w 4975707"/>
                      <a:gd name="connsiteY2" fmla="*/ 2222150 h 2222150"/>
                      <a:gd name="connsiteX3" fmla="*/ 0 w 4975707"/>
                      <a:gd name="connsiteY3" fmla="*/ 759110 h 2222150"/>
                      <a:gd name="connsiteX4" fmla="*/ 2377090 w 4975707"/>
                      <a:gd name="connsiteY4" fmla="*/ 0 h 2222150"/>
                      <a:gd name="connsiteX0" fmla="*/ 2377090 w 5009192"/>
                      <a:gd name="connsiteY0" fmla="*/ 0 h 2222150"/>
                      <a:gd name="connsiteX1" fmla="*/ 5009192 w 5009192"/>
                      <a:gd name="connsiteY1" fmla="*/ 799917 h 2222150"/>
                      <a:gd name="connsiteX2" fmla="*/ 2798533 w 5009192"/>
                      <a:gd name="connsiteY2" fmla="*/ 2222150 h 2222150"/>
                      <a:gd name="connsiteX3" fmla="*/ 0 w 5009192"/>
                      <a:gd name="connsiteY3" fmla="*/ 759110 h 2222150"/>
                      <a:gd name="connsiteX4" fmla="*/ 2377090 w 5009192"/>
                      <a:gd name="connsiteY4" fmla="*/ 0 h 2222150"/>
                      <a:gd name="connsiteX0" fmla="*/ 2377090 w 4994201"/>
                      <a:gd name="connsiteY0" fmla="*/ 0 h 2222150"/>
                      <a:gd name="connsiteX1" fmla="*/ 4994201 w 4994201"/>
                      <a:gd name="connsiteY1" fmla="*/ 804914 h 2222150"/>
                      <a:gd name="connsiteX2" fmla="*/ 2798533 w 4994201"/>
                      <a:gd name="connsiteY2" fmla="*/ 2222150 h 2222150"/>
                      <a:gd name="connsiteX3" fmla="*/ 0 w 4994201"/>
                      <a:gd name="connsiteY3" fmla="*/ 759110 h 2222150"/>
                      <a:gd name="connsiteX4" fmla="*/ 2377090 w 4994201"/>
                      <a:gd name="connsiteY4" fmla="*/ 0 h 2222150"/>
                      <a:gd name="connsiteX0" fmla="*/ 2377090 w 4994201"/>
                      <a:gd name="connsiteY0" fmla="*/ 0 h 2222150"/>
                      <a:gd name="connsiteX1" fmla="*/ 4994201 w 4994201"/>
                      <a:gd name="connsiteY1" fmla="*/ 794251 h 2222150"/>
                      <a:gd name="connsiteX2" fmla="*/ 2798533 w 4994201"/>
                      <a:gd name="connsiteY2" fmla="*/ 2222150 h 2222150"/>
                      <a:gd name="connsiteX3" fmla="*/ 0 w 4994201"/>
                      <a:gd name="connsiteY3" fmla="*/ 759110 h 2222150"/>
                      <a:gd name="connsiteX4" fmla="*/ 2377090 w 4994201"/>
                      <a:gd name="connsiteY4" fmla="*/ 0 h 2222150"/>
                      <a:gd name="connsiteX0" fmla="*/ 2379630 w 4996741"/>
                      <a:gd name="connsiteY0" fmla="*/ 0 h 2222150"/>
                      <a:gd name="connsiteX1" fmla="*/ 4996741 w 4996741"/>
                      <a:gd name="connsiteY1" fmla="*/ 794251 h 2222150"/>
                      <a:gd name="connsiteX2" fmla="*/ 2801073 w 4996741"/>
                      <a:gd name="connsiteY2" fmla="*/ 2222150 h 2222150"/>
                      <a:gd name="connsiteX3" fmla="*/ 0 w 4996741"/>
                      <a:gd name="connsiteY3" fmla="*/ 779430 h 2222150"/>
                      <a:gd name="connsiteX4" fmla="*/ 2379630 w 4996741"/>
                      <a:gd name="connsiteY4" fmla="*/ 0 h 2222150"/>
                      <a:gd name="connsiteX0" fmla="*/ 2379630 w 4996741"/>
                      <a:gd name="connsiteY0" fmla="*/ 0 h 2222150"/>
                      <a:gd name="connsiteX1" fmla="*/ 4996741 w 4996741"/>
                      <a:gd name="connsiteY1" fmla="*/ 794251 h 2222150"/>
                      <a:gd name="connsiteX2" fmla="*/ 2801073 w 4996741"/>
                      <a:gd name="connsiteY2" fmla="*/ 2222150 h 2222150"/>
                      <a:gd name="connsiteX3" fmla="*/ 0 w 4996741"/>
                      <a:gd name="connsiteY3" fmla="*/ 779430 h 2222150"/>
                      <a:gd name="connsiteX4" fmla="*/ 2379630 w 4996741"/>
                      <a:gd name="connsiteY4" fmla="*/ 0 h 2222150"/>
                      <a:gd name="connsiteX0" fmla="*/ 2379630 w 4996741"/>
                      <a:gd name="connsiteY0" fmla="*/ 0 h 2222150"/>
                      <a:gd name="connsiteX1" fmla="*/ 4996741 w 4996741"/>
                      <a:gd name="connsiteY1" fmla="*/ 794251 h 2222150"/>
                      <a:gd name="connsiteX2" fmla="*/ 2801073 w 4996741"/>
                      <a:gd name="connsiteY2" fmla="*/ 2222150 h 2222150"/>
                      <a:gd name="connsiteX3" fmla="*/ 0 w 4996741"/>
                      <a:gd name="connsiteY3" fmla="*/ 782696 h 2222150"/>
                      <a:gd name="connsiteX4" fmla="*/ 2379630 w 4996741"/>
                      <a:gd name="connsiteY4" fmla="*/ 0 h 22221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996741" h="2222150">
                        <a:moveTo>
                          <a:pt x="2379630" y="0"/>
                        </a:moveTo>
                        <a:lnTo>
                          <a:pt x="4996741" y="794251"/>
                        </a:lnTo>
                        <a:lnTo>
                          <a:pt x="2801073" y="2222150"/>
                        </a:lnTo>
                        <a:lnTo>
                          <a:pt x="0" y="782696"/>
                        </a:lnTo>
                        <a:lnTo>
                          <a:pt x="2379630" y="0"/>
                        </a:lnTo>
                        <a:close/>
                      </a:path>
                    </a:pathLst>
                  </a:custGeom>
                  <a:solidFill>
                    <a:srgbClr val="8B8E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sp>
                <p:nvSpPr>
                  <p:cNvPr id="72" name="Freeform: Shape 71">
                    <a:extLst>
                      <a:ext uri="{FF2B5EF4-FFF2-40B4-BE49-F238E27FC236}">
                        <a16:creationId xmlns:a16="http://schemas.microsoft.com/office/drawing/2014/main" id="{76D6C007-F243-494E-AD04-7D466C20F946}"/>
                      </a:ext>
                    </a:extLst>
                  </p:cNvPr>
                  <p:cNvSpPr/>
                  <p:nvPr/>
                </p:nvSpPr>
                <p:spPr>
                  <a:xfrm>
                    <a:off x="6282351" y="2275706"/>
                    <a:ext cx="2202443" cy="1978705"/>
                  </a:xfrm>
                  <a:custGeom>
                    <a:avLst/>
                    <a:gdLst>
                      <a:gd name="connsiteX0" fmla="*/ 2250219 w 2258170"/>
                      <a:gd name="connsiteY0" fmla="*/ 0 h 1645920"/>
                      <a:gd name="connsiteX1" fmla="*/ 2258170 w 2258170"/>
                      <a:gd name="connsiteY1" fmla="*/ 469126 h 1645920"/>
                      <a:gd name="connsiteX2" fmla="*/ 15902 w 2258170"/>
                      <a:gd name="connsiteY2" fmla="*/ 1645920 h 1645920"/>
                      <a:gd name="connsiteX3" fmla="*/ 0 w 2258170"/>
                      <a:gd name="connsiteY3" fmla="*/ 1105231 h 1645920"/>
                      <a:gd name="connsiteX4" fmla="*/ 2250219 w 2258170"/>
                      <a:gd name="connsiteY4" fmla="*/ 0 h 1645920"/>
                      <a:gd name="connsiteX0" fmla="*/ 2244609 w 2258170"/>
                      <a:gd name="connsiteY0" fmla="*/ 0 h 1671164"/>
                      <a:gd name="connsiteX1" fmla="*/ 2258170 w 2258170"/>
                      <a:gd name="connsiteY1" fmla="*/ 494370 h 1671164"/>
                      <a:gd name="connsiteX2" fmla="*/ 15902 w 2258170"/>
                      <a:gd name="connsiteY2" fmla="*/ 1671164 h 1671164"/>
                      <a:gd name="connsiteX3" fmla="*/ 0 w 2258170"/>
                      <a:gd name="connsiteY3" fmla="*/ 1130475 h 1671164"/>
                      <a:gd name="connsiteX4" fmla="*/ 2244609 w 2258170"/>
                      <a:gd name="connsiteY4" fmla="*/ 0 h 1671164"/>
                      <a:gd name="connsiteX0" fmla="*/ 2244609 w 2244609"/>
                      <a:gd name="connsiteY0" fmla="*/ 0 h 1671164"/>
                      <a:gd name="connsiteX1" fmla="*/ 2235731 w 2244609"/>
                      <a:gd name="connsiteY1" fmla="*/ 494370 h 1671164"/>
                      <a:gd name="connsiteX2" fmla="*/ 15902 w 2244609"/>
                      <a:gd name="connsiteY2" fmla="*/ 1671164 h 1671164"/>
                      <a:gd name="connsiteX3" fmla="*/ 0 w 2244609"/>
                      <a:gd name="connsiteY3" fmla="*/ 1130475 h 1671164"/>
                      <a:gd name="connsiteX4" fmla="*/ 2244609 w 2244609"/>
                      <a:gd name="connsiteY4" fmla="*/ 0 h 1671164"/>
                      <a:gd name="connsiteX0" fmla="*/ 2244609 w 2244609"/>
                      <a:gd name="connsiteY0" fmla="*/ 0 h 1682383"/>
                      <a:gd name="connsiteX1" fmla="*/ 2235731 w 2244609"/>
                      <a:gd name="connsiteY1" fmla="*/ 494370 h 1682383"/>
                      <a:gd name="connsiteX2" fmla="*/ 13097 w 2244609"/>
                      <a:gd name="connsiteY2" fmla="*/ 1682383 h 1682383"/>
                      <a:gd name="connsiteX3" fmla="*/ 0 w 2244609"/>
                      <a:gd name="connsiteY3" fmla="*/ 1130475 h 1682383"/>
                      <a:gd name="connsiteX4" fmla="*/ 2244609 w 2244609"/>
                      <a:gd name="connsiteY4" fmla="*/ 0 h 1682383"/>
                      <a:gd name="connsiteX0" fmla="*/ 2239000 w 2239000"/>
                      <a:gd name="connsiteY0" fmla="*/ 0 h 1682383"/>
                      <a:gd name="connsiteX1" fmla="*/ 2230122 w 2239000"/>
                      <a:gd name="connsiteY1" fmla="*/ 494370 h 1682383"/>
                      <a:gd name="connsiteX2" fmla="*/ 7488 w 2239000"/>
                      <a:gd name="connsiteY2" fmla="*/ 1682383 h 1682383"/>
                      <a:gd name="connsiteX3" fmla="*/ 0 w 2239000"/>
                      <a:gd name="connsiteY3" fmla="*/ 1122060 h 1682383"/>
                      <a:gd name="connsiteX4" fmla="*/ 2239000 w 2239000"/>
                      <a:gd name="connsiteY4" fmla="*/ 0 h 1682383"/>
                      <a:gd name="connsiteX0" fmla="*/ 2233390 w 2233390"/>
                      <a:gd name="connsiteY0" fmla="*/ 0 h 1682383"/>
                      <a:gd name="connsiteX1" fmla="*/ 2230122 w 2233390"/>
                      <a:gd name="connsiteY1" fmla="*/ 494370 h 1682383"/>
                      <a:gd name="connsiteX2" fmla="*/ 7488 w 2233390"/>
                      <a:gd name="connsiteY2" fmla="*/ 1682383 h 1682383"/>
                      <a:gd name="connsiteX3" fmla="*/ 0 w 2233390"/>
                      <a:gd name="connsiteY3" fmla="*/ 1122060 h 1682383"/>
                      <a:gd name="connsiteX4" fmla="*/ 2233390 w 2233390"/>
                      <a:gd name="connsiteY4" fmla="*/ 0 h 1682383"/>
                      <a:gd name="connsiteX0" fmla="*/ 2225902 w 2225902"/>
                      <a:gd name="connsiteY0" fmla="*/ 0 h 1682383"/>
                      <a:gd name="connsiteX1" fmla="*/ 2222634 w 2225902"/>
                      <a:gd name="connsiteY1" fmla="*/ 494370 h 1682383"/>
                      <a:gd name="connsiteX2" fmla="*/ 0 w 2225902"/>
                      <a:gd name="connsiteY2" fmla="*/ 1682383 h 1682383"/>
                      <a:gd name="connsiteX3" fmla="*/ 9342 w 2225902"/>
                      <a:gd name="connsiteY3" fmla="*/ 1119255 h 1682383"/>
                      <a:gd name="connsiteX4" fmla="*/ 2225902 w 2225902"/>
                      <a:gd name="connsiteY4" fmla="*/ 0 h 1682383"/>
                      <a:gd name="connsiteX0" fmla="*/ 2217487 w 2217487"/>
                      <a:gd name="connsiteY0" fmla="*/ 0 h 1679578"/>
                      <a:gd name="connsiteX1" fmla="*/ 2214219 w 2217487"/>
                      <a:gd name="connsiteY1" fmla="*/ 494370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79578"/>
                      <a:gd name="connsiteX1" fmla="*/ 2214219 w 2217487"/>
                      <a:gd name="connsiteY1" fmla="*/ 473245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43365"/>
                      <a:gd name="connsiteX1" fmla="*/ 2214219 w 2217487"/>
                      <a:gd name="connsiteY1" fmla="*/ 437032 h 1643365"/>
                      <a:gd name="connsiteX2" fmla="*/ 0 w 2217487"/>
                      <a:gd name="connsiteY2" fmla="*/ 1643365 h 1643365"/>
                      <a:gd name="connsiteX3" fmla="*/ 927 w 2217487"/>
                      <a:gd name="connsiteY3" fmla="*/ 1083042 h 1643365"/>
                      <a:gd name="connsiteX4" fmla="*/ 2217487 w 2217487"/>
                      <a:gd name="connsiteY4" fmla="*/ 0 h 1643365"/>
                      <a:gd name="connsiteX0" fmla="*/ 2217487 w 2217487"/>
                      <a:gd name="connsiteY0" fmla="*/ 0 h 1643365"/>
                      <a:gd name="connsiteX1" fmla="*/ 2214219 w 2217487"/>
                      <a:gd name="connsiteY1" fmla="*/ 437032 h 1643365"/>
                      <a:gd name="connsiteX2" fmla="*/ 0 w 2217487"/>
                      <a:gd name="connsiteY2" fmla="*/ 1643365 h 1643365"/>
                      <a:gd name="connsiteX3" fmla="*/ 40932 w 2217487"/>
                      <a:gd name="connsiteY3" fmla="*/ 1143049 h 1643365"/>
                      <a:gd name="connsiteX4" fmla="*/ 2217487 w 2217487"/>
                      <a:gd name="connsiteY4" fmla="*/ 0 h 1643365"/>
                      <a:gd name="connsiteX0" fmla="*/ 2219418 w 2219418"/>
                      <a:gd name="connsiteY0" fmla="*/ 0 h 1643365"/>
                      <a:gd name="connsiteX1" fmla="*/ 2216150 w 2219418"/>
                      <a:gd name="connsiteY1" fmla="*/ 437032 h 1643365"/>
                      <a:gd name="connsiteX2" fmla="*/ 1931 w 2219418"/>
                      <a:gd name="connsiteY2" fmla="*/ 1643365 h 1643365"/>
                      <a:gd name="connsiteX3" fmla="*/ 0 w 2219418"/>
                      <a:gd name="connsiteY3" fmla="*/ 1094472 h 1643365"/>
                      <a:gd name="connsiteX4" fmla="*/ 2219418 w 2219418"/>
                      <a:gd name="connsiteY4" fmla="*/ 0 h 1643365"/>
                      <a:gd name="connsiteX0" fmla="*/ 2225133 w 2225133"/>
                      <a:gd name="connsiteY0" fmla="*/ 0 h 1643365"/>
                      <a:gd name="connsiteX1" fmla="*/ 2221865 w 2225133"/>
                      <a:gd name="connsiteY1" fmla="*/ 437032 h 1643365"/>
                      <a:gd name="connsiteX2" fmla="*/ 7646 w 2225133"/>
                      <a:gd name="connsiteY2" fmla="*/ 1643365 h 1643365"/>
                      <a:gd name="connsiteX3" fmla="*/ 0 w 2225133"/>
                      <a:gd name="connsiteY3" fmla="*/ 1094472 h 1643365"/>
                      <a:gd name="connsiteX4" fmla="*/ 2225133 w 2225133"/>
                      <a:gd name="connsiteY4" fmla="*/ 0 h 1643365"/>
                      <a:gd name="connsiteX0" fmla="*/ 2222275 w 2222275"/>
                      <a:gd name="connsiteY0" fmla="*/ 0 h 1643365"/>
                      <a:gd name="connsiteX1" fmla="*/ 2219007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19257 w 2219353"/>
                      <a:gd name="connsiteY0" fmla="*/ 0 h 1776149"/>
                      <a:gd name="connsiteX1" fmla="*/ 2219007 w 2219353"/>
                      <a:gd name="connsiteY1" fmla="*/ 569816 h 1776149"/>
                      <a:gd name="connsiteX2" fmla="*/ 4788 w 2219353"/>
                      <a:gd name="connsiteY2" fmla="*/ 1776149 h 1776149"/>
                      <a:gd name="connsiteX3" fmla="*/ 0 w 2219353"/>
                      <a:gd name="connsiteY3" fmla="*/ 1218684 h 1776149"/>
                      <a:gd name="connsiteX4" fmla="*/ 2219257 w 2219353"/>
                      <a:gd name="connsiteY4" fmla="*/ 0 h 1776149"/>
                      <a:gd name="connsiteX0" fmla="*/ 2219257 w 2219353"/>
                      <a:gd name="connsiteY0" fmla="*/ 0 h 1776149"/>
                      <a:gd name="connsiteX1" fmla="*/ 2219007 w 2219353"/>
                      <a:gd name="connsiteY1" fmla="*/ 391765 h 1776149"/>
                      <a:gd name="connsiteX2" fmla="*/ 4788 w 2219353"/>
                      <a:gd name="connsiteY2" fmla="*/ 1776149 h 1776149"/>
                      <a:gd name="connsiteX3" fmla="*/ 0 w 2219353"/>
                      <a:gd name="connsiteY3" fmla="*/ 1218684 h 1776149"/>
                      <a:gd name="connsiteX4" fmla="*/ 2219257 w 2219353"/>
                      <a:gd name="connsiteY4" fmla="*/ 0 h 1776149"/>
                      <a:gd name="connsiteX0" fmla="*/ 2225293 w 2225293"/>
                      <a:gd name="connsiteY0" fmla="*/ 0 h 1800292"/>
                      <a:gd name="connsiteX1" fmla="*/ 2219007 w 2225293"/>
                      <a:gd name="connsiteY1" fmla="*/ 415908 h 1800292"/>
                      <a:gd name="connsiteX2" fmla="*/ 4788 w 2225293"/>
                      <a:gd name="connsiteY2" fmla="*/ 1800292 h 1800292"/>
                      <a:gd name="connsiteX3" fmla="*/ 0 w 2225293"/>
                      <a:gd name="connsiteY3" fmla="*/ 1242827 h 1800292"/>
                      <a:gd name="connsiteX4" fmla="*/ 2225293 w 2225293"/>
                      <a:gd name="connsiteY4" fmla="*/ 0 h 1800292"/>
                      <a:gd name="connsiteX0" fmla="*/ 2225293 w 2225293"/>
                      <a:gd name="connsiteY0" fmla="*/ 0 h 1800292"/>
                      <a:gd name="connsiteX1" fmla="*/ 2219007 w 2225293"/>
                      <a:gd name="connsiteY1" fmla="*/ 376676 h 1800292"/>
                      <a:gd name="connsiteX2" fmla="*/ 4788 w 2225293"/>
                      <a:gd name="connsiteY2" fmla="*/ 1800292 h 1800292"/>
                      <a:gd name="connsiteX3" fmla="*/ 0 w 2225293"/>
                      <a:gd name="connsiteY3" fmla="*/ 1242827 h 1800292"/>
                      <a:gd name="connsiteX4" fmla="*/ 2225293 w 2225293"/>
                      <a:gd name="connsiteY4" fmla="*/ 0 h 1800292"/>
                      <a:gd name="connsiteX0" fmla="*/ 2217433 w 2219207"/>
                      <a:gd name="connsiteY0" fmla="*/ 0 h 1967975"/>
                      <a:gd name="connsiteX1" fmla="*/ 2219007 w 2219207"/>
                      <a:gd name="connsiteY1" fmla="*/ 544359 h 1967975"/>
                      <a:gd name="connsiteX2" fmla="*/ 4788 w 2219207"/>
                      <a:gd name="connsiteY2" fmla="*/ 1967975 h 1967975"/>
                      <a:gd name="connsiteX3" fmla="*/ 0 w 2219207"/>
                      <a:gd name="connsiteY3" fmla="*/ 1410510 h 1967975"/>
                      <a:gd name="connsiteX4" fmla="*/ 2217433 w 2219207"/>
                      <a:gd name="connsiteY4" fmla="*/ 0 h 1967975"/>
                      <a:gd name="connsiteX0" fmla="*/ 2217433 w 2217433"/>
                      <a:gd name="connsiteY0" fmla="*/ 0 h 1967975"/>
                      <a:gd name="connsiteX1" fmla="*/ 2216387 w 2217433"/>
                      <a:gd name="connsiteY1" fmla="*/ 374056 h 1967975"/>
                      <a:gd name="connsiteX2" fmla="*/ 4788 w 2217433"/>
                      <a:gd name="connsiteY2" fmla="*/ 1967975 h 1967975"/>
                      <a:gd name="connsiteX3" fmla="*/ 0 w 2217433"/>
                      <a:gd name="connsiteY3" fmla="*/ 1410510 h 1967975"/>
                      <a:gd name="connsiteX4" fmla="*/ 2217433 w 2217433"/>
                      <a:gd name="connsiteY4" fmla="*/ 0 h 1967975"/>
                      <a:gd name="connsiteX0" fmla="*/ 2217433 w 2217433"/>
                      <a:gd name="connsiteY0" fmla="*/ 0 h 1967975"/>
                      <a:gd name="connsiteX1" fmla="*/ 2216387 w 2217433"/>
                      <a:gd name="connsiteY1" fmla="*/ 374056 h 1967975"/>
                      <a:gd name="connsiteX2" fmla="*/ 4788 w 2217433"/>
                      <a:gd name="connsiteY2" fmla="*/ 1967975 h 1967975"/>
                      <a:gd name="connsiteX3" fmla="*/ 0 w 2217433"/>
                      <a:gd name="connsiteY3" fmla="*/ 1410510 h 1967975"/>
                      <a:gd name="connsiteX4" fmla="*/ 2217433 w 2217433"/>
                      <a:gd name="connsiteY4" fmla="*/ 0 h 1967975"/>
                      <a:gd name="connsiteX0" fmla="*/ 2217433 w 2217433"/>
                      <a:gd name="connsiteY0" fmla="*/ 0 h 1975703"/>
                      <a:gd name="connsiteX1" fmla="*/ 2216387 w 2217433"/>
                      <a:gd name="connsiteY1" fmla="*/ 381784 h 1975703"/>
                      <a:gd name="connsiteX2" fmla="*/ 4788 w 2217433"/>
                      <a:gd name="connsiteY2" fmla="*/ 1975703 h 1975703"/>
                      <a:gd name="connsiteX3" fmla="*/ 0 w 2217433"/>
                      <a:gd name="connsiteY3" fmla="*/ 1418238 h 1975703"/>
                      <a:gd name="connsiteX4" fmla="*/ 2217433 w 2217433"/>
                      <a:gd name="connsiteY4" fmla="*/ 0 h 1975703"/>
                      <a:gd name="connsiteX0" fmla="*/ 2202443 w 2216439"/>
                      <a:gd name="connsiteY0" fmla="*/ 0 h 1970707"/>
                      <a:gd name="connsiteX1" fmla="*/ 2216387 w 2216439"/>
                      <a:gd name="connsiteY1" fmla="*/ 376788 h 1970707"/>
                      <a:gd name="connsiteX2" fmla="*/ 4788 w 2216439"/>
                      <a:gd name="connsiteY2" fmla="*/ 1970707 h 1970707"/>
                      <a:gd name="connsiteX3" fmla="*/ 0 w 2216439"/>
                      <a:gd name="connsiteY3" fmla="*/ 1413242 h 1970707"/>
                      <a:gd name="connsiteX4" fmla="*/ 2202443 w 2216439"/>
                      <a:gd name="connsiteY4" fmla="*/ 0 h 1970707"/>
                      <a:gd name="connsiteX0" fmla="*/ 2202443 w 2202443"/>
                      <a:gd name="connsiteY0" fmla="*/ 0 h 1970707"/>
                      <a:gd name="connsiteX1" fmla="*/ 2198899 w 2202443"/>
                      <a:gd name="connsiteY1" fmla="*/ 379287 h 1970707"/>
                      <a:gd name="connsiteX2" fmla="*/ 4788 w 2202443"/>
                      <a:gd name="connsiteY2" fmla="*/ 1970707 h 1970707"/>
                      <a:gd name="connsiteX3" fmla="*/ 0 w 2202443"/>
                      <a:gd name="connsiteY3" fmla="*/ 1413242 h 1970707"/>
                      <a:gd name="connsiteX4" fmla="*/ 2202443 w 2202443"/>
                      <a:gd name="connsiteY4" fmla="*/ 0 h 1970707"/>
                      <a:gd name="connsiteX0" fmla="*/ 2202443 w 2202443"/>
                      <a:gd name="connsiteY0" fmla="*/ 0 h 1970707"/>
                      <a:gd name="connsiteX1" fmla="*/ 2198899 w 2202443"/>
                      <a:gd name="connsiteY1" fmla="*/ 379287 h 1970707"/>
                      <a:gd name="connsiteX2" fmla="*/ 4788 w 2202443"/>
                      <a:gd name="connsiteY2" fmla="*/ 1970707 h 1970707"/>
                      <a:gd name="connsiteX3" fmla="*/ 0 w 2202443"/>
                      <a:gd name="connsiteY3" fmla="*/ 1413242 h 1970707"/>
                      <a:gd name="connsiteX4" fmla="*/ 2202443 w 2202443"/>
                      <a:gd name="connsiteY4" fmla="*/ 0 h 1970707"/>
                      <a:gd name="connsiteX0" fmla="*/ 2202443 w 2202443"/>
                      <a:gd name="connsiteY0" fmla="*/ 0 h 1970707"/>
                      <a:gd name="connsiteX1" fmla="*/ 2198899 w 2202443"/>
                      <a:gd name="connsiteY1" fmla="*/ 379287 h 1970707"/>
                      <a:gd name="connsiteX2" fmla="*/ 4788 w 2202443"/>
                      <a:gd name="connsiteY2" fmla="*/ 1970707 h 1970707"/>
                      <a:gd name="connsiteX3" fmla="*/ 0 w 2202443"/>
                      <a:gd name="connsiteY3" fmla="*/ 1413242 h 1970707"/>
                      <a:gd name="connsiteX4" fmla="*/ 2202443 w 2202443"/>
                      <a:gd name="connsiteY4" fmla="*/ 0 h 1970707"/>
                      <a:gd name="connsiteX0" fmla="*/ 2202443 w 2202443"/>
                      <a:gd name="connsiteY0" fmla="*/ 0 h 1978705"/>
                      <a:gd name="connsiteX1" fmla="*/ 2198899 w 2202443"/>
                      <a:gd name="connsiteY1" fmla="*/ 387285 h 1978705"/>
                      <a:gd name="connsiteX2" fmla="*/ 4788 w 2202443"/>
                      <a:gd name="connsiteY2" fmla="*/ 1978705 h 1978705"/>
                      <a:gd name="connsiteX3" fmla="*/ 0 w 2202443"/>
                      <a:gd name="connsiteY3" fmla="*/ 1421240 h 1978705"/>
                      <a:gd name="connsiteX4" fmla="*/ 2202443 w 2202443"/>
                      <a:gd name="connsiteY4" fmla="*/ 0 h 1978705"/>
                      <a:gd name="connsiteX0" fmla="*/ 2202443 w 2202443"/>
                      <a:gd name="connsiteY0" fmla="*/ 0 h 1978705"/>
                      <a:gd name="connsiteX1" fmla="*/ 2198899 w 2202443"/>
                      <a:gd name="connsiteY1" fmla="*/ 371290 h 1978705"/>
                      <a:gd name="connsiteX2" fmla="*/ 4788 w 2202443"/>
                      <a:gd name="connsiteY2" fmla="*/ 1978705 h 1978705"/>
                      <a:gd name="connsiteX3" fmla="*/ 0 w 2202443"/>
                      <a:gd name="connsiteY3" fmla="*/ 1421240 h 1978705"/>
                      <a:gd name="connsiteX4" fmla="*/ 2202443 w 2202443"/>
                      <a:gd name="connsiteY4" fmla="*/ 0 h 197870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02443" h="1978705">
                        <a:moveTo>
                          <a:pt x="2202443" y="0"/>
                        </a:moveTo>
                        <a:cubicBezTo>
                          <a:pt x="2201354" y="164790"/>
                          <a:pt x="2202486" y="318207"/>
                          <a:pt x="2198899" y="371290"/>
                        </a:cubicBezTo>
                        <a:lnTo>
                          <a:pt x="4788" y="1978705"/>
                        </a:lnTo>
                        <a:cubicBezTo>
                          <a:pt x="4144" y="1795741"/>
                          <a:pt x="644" y="1604204"/>
                          <a:pt x="0" y="1421240"/>
                        </a:cubicBezTo>
                        <a:lnTo>
                          <a:pt x="2202443" y="0"/>
                        </a:lnTo>
                        <a:close/>
                      </a:path>
                    </a:pathLst>
                  </a:custGeom>
                  <a:solidFill>
                    <a:srgbClr val="8184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sp>
                <p:nvSpPr>
                  <p:cNvPr id="73" name="Freeform: Shape 72">
                    <a:extLst>
                      <a:ext uri="{FF2B5EF4-FFF2-40B4-BE49-F238E27FC236}">
                        <a16:creationId xmlns:a16="http://schemas.microsoft.com/office/drawing/2014/main" id="{C193A15A-C890-4C26-96E0-CC321736960A}"/>
                      </a:ext>
                    </a:extLst>
                  </p:cNvPr>
                  <p:cNvSpPr/>
                  <p:nvPr/>
                </p:nvSpPr>
                <p:spPr>
                  <a:xfrm>
                    <a:off x="3488468" y="2257975"/>
                    <a:ext cx="2801804" cy="2000248"/>
                  </a:xfrm>
                  <a:custGeom>
                    <a:avLst/>
                    <a:gdLst>
                      <a:gd name="connsiteX0" fmla="*/ 2782957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2957 w 2790908"/>
                      <a:gd name="connsiteY4" fmla="*/ 1009816 h 1566407"/>
                      <a:gd name="connsiteX0" fmla="*/ 2785762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5762 w 2790908"/>
                      <a:gd name="connsiteY4" fmla="*/ 1009816 h 1566407"/>
                      <a:gd name="connsiteX0" fmla="*/ 2788567 w 2790908"/>
                      <a:gd name="connsiteY0" fmla="*/ 1004206 h 1566407"/>
                      <a:gd name="connsiteX1" fmla="*/ 2790908 w 2790908"/>
                      <a:gd name="connsiteY1" fmla="*/ 1566407 h 1566407"/>
                      <a:gd name="connsiteX2" fmla="*/ 23854 w 2790908"/>
                      <a:gd name="connsiteY2" fmla="*/ 516835 h 1566407"/>
                      <a:gd name="connsiteX3" fmla="*/ 0 w 2790908"/>
                      <a:gd name="connsiteY3" fmla="*/ 0 h 1566407"/>
                      <a:gd name="connsiteX4" fmla="*/ 2788567 w 2790908"/>
                      <a:gd name="connsiteY4" fmla="*/ 1004206 h 1566407"/>
                      <a:gd name="connsiteX0" fmla="*/ 2788567 w 2790908"/>
                      <a:gd name="connsiteY0" fmla="*/ 1004206 h 1566407"/>
                      <a:gd name="connsiteX1" fmla="*/ 2790908 w 2790908"/>
                      <a:gd name="connsiteY1" fmla="*/ 1566407 h 1566407"/>
                      <a:gd name="connsiteX2" fmla="*/ 7024 w 2790908"/>
                      <a:gd name="connsiteY2" fmla="*/ 516835 h 1566407"/>
                      <a:gd name="connsiteX3" fmla="*/ 0 w 2790908"/>
                      <a:gd name="connsiteY3" fmla="*/ 0 h 1566407"/>
                      <a:gd name="connsiteX4" fmla="*/ 2788567 w 2790908"/>
                      <a:gd name="connsiteY4" fmla="*/ 1004206 h 1566407"/>
                      <a:gd name="connsiteX0" fmla="*/ 2782957 w 2785298"/>
                      <a:gd name="connsiteY0" fmla="*/ 1009816 h 1572017"/>
                      <a:gd name="connsiteX1" fmla="*/ 2785298 w 2785298"/>
                      <a:gd name="connsiteY1" fmla="*/ 1572017 h 1572017"/>
                      <a:gd name="connsiteX2" fmla="*/ 1414 w 2785298"/>
                      <a:gd name="connsiteY2" fmla="*/ 522445 h 1572017"/>
                      <a:gd name="connsiteX3" fmla="*/ 0 w 2785298"/>
                      <a:gd name="connsiteY3" fmla="*/ 0 h 1572017"/>
                      <a:gd name="connsiteX4" fmla="*/ 2782957 w 2785298"/>
                      <a:gd name="connsiteY4" fmla="*/ 1009816 h 1572017"/>
                      <a:gd name="connsiteX0" fmla="*/ 2782091 w 2784432"/>
                      <a:gd name="connsiteY0" fmla="*/ 1012621 h 1574822"/>
                      <a:gd name="connsiteX1" fmla="*/ 2784432 w 2784432"/>
                      <a:gd name="connsiteY1" fmla="*/ 1574822 h 1574822"/>
                      <a:gd name="connsiteX2" fmla="*/ 548 w 2784432"/>
                      <a:gd name="connsiteY2" fmla="*/ 525250 h 1574822"/>
                      <a:gd name="connsiteX3" fmla="*/ 1939 w 2784432"/>
                      <a:gd name="connsiteY3" fmla="*/ 0 h 1574822"/>
                      <a:gd name="connsiteX4" fmla="*/ 2782091 w 2784432"/>
                      <a:gd name="connsiteY4" fmla="*/ 1012621 h 1574822"/>
                      <a:gd name="connsiteX0" fmla="*/ 2781862 w 2784203"/>
                      <a:gd name="connsiteY0" fmla="*/ 1007289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07289 h 1569490"/>
                      <a:gd name="connsiteX0" fmla="*/ 2781862 w 2784203"/>
                      <a:gd name="connsiteY0" fmla="*/ 1017953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17953 h 1569490"/>
                      <a:gd name="connsiteX0" fmla="*/ 2774820 w 2777161"/>
                      <a:gd name="connsiteY0" fmla="*/ 1017953 h 1569490"/>
                      <a:gd name="connsiteX1" fmla="*/ 2777161 w 2777161"/>
                      <a:gd name="connsiteY1" fmla="*/ 1569490 h 1569490"/>
                      <a:gd name="connsiteX2" fmla="*/ 3941 w 2777161"/>
                      <a:gd name="connsiteY2" fmla="*/ 517252 h 1569490"/>
                      <a:gd name="connsiteX3" fmla="*/ 0 w 2777161"/>
                      <a:gd name="connsiteY3" fmla="*/ 0 h 1569490"/>
                      <a:gd name="connsiteX4" fmla="*/ 2774820 w 2777161"/>
                      <a:gd name="connsiteY4" fmla="*/ 1017953 h 1569490"/>
                      <a:gd name="connsiteX0" fmla="*/ 2774820 w 2779827"/>
                      <a:gd name="connsiteY0" fmla="*/ 1017953 h 1582819"/>
                      <a:gd name="connsiteX1" fmla="*/ 2779827 w 2779827"/>
                      <a:gd name="connsiteY1" fmla="*/ 1582819 h 1582819"/>
                      <a:gd name="connsiteX2" fmla="*/ 3941 w 2779827"/>
                      <a:gd name="connsiteY2" fmla="*/ 517252 h 1582819"/>
                      <a:gd name="connsiteX3" fmla="*/ 0 w 2779827"/>
                      <a:gd name="connsiteY3" fmla="*/ 0 h 1582819"/>
                      <a:gd name="connsiteX4" fmla="*/ 2774820 w 2779827"/>
                      <a:gd name="connsiteY4" fmla="*/ 1017953 h 1582819"/>
                      <a:gd name="connsiteX0" fmla="*/ 2783235 w 2783513"/>
                      <a:gd name="connsiteY0" fmla="*/ 1020758 h 1582819"/>
                      <a:gd name="connsiteX1" fmla="*/ 2779827 w 2783513"/>
                      <a:gd name="connsiteY1" fmla="*/ 1582819 h 1582819"/>
                      <a:gd name="connsiteX2" fmla="*/ 3941 w 2783513"/>
                      <a:gd name="connsiteY2" fmla="*/ 517252 h 1582819"/>
                      <a:gd name="connsiteX3" fmla="*/ 0 w 2783513"/>
                      <a:gd name="connsiteY3" fmla="*/ 0 h 1582819"/>
                      <a:gd name="connsiteX4" fmla="*/ 2783235 w 2783513"/>
                      <a:gd name="connsiteY4" fmla="*/ 1020758 h 1582819"/>
                      <a:gd name="connsiteX0" fmla="*/ 2783235 w 2788242"/>
                      <a:gd name="connsiteY0" fmla="*/ 1020758 h 1582819"/>
                      <a:gd name="connsiteX1" fmla="*/ 2788242 w 2788242"/>
                      <a:gd name="connsiteY1" fmla="*/ 1582819 h 1582819"/>
                      <a:gd name="connsiteX2" fmla="*/ 3941 w 2788242"/>
                      <a:gd name="connsiteY2" fmla="*/ 517252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5829 w 2790836"/>
                      <a:gd name="connsiteY0" fmla="*/ 1020758 h 1582819"/>
                      <a:gd name="connsiteX1" fmla="*/ 2790836 w 2790836"/>
                      <a:gd name="connsiteY1" fmla="*/ 1582819 h 1582819"/>
                      <a:gd name="connsiteX2" fmla="*/ 499 w 2790836"/>
                      <a:gd name="connsiteY2" fmla="*/ 419372 h 1582819"/>
                      <a:gd name="connsiteX3" fmla="*/ 2594 w 2790836"/>
                      <a:gd name="connsiteY3" fmla="*/ 0 h 1582819"/>
                      <a:gd name="connsiteX4" fmla="*/ 2785829 w 2790836"/>
                      <a:gd name="connsiteY4" fmla="*/ 1020758 h 1582819"/>
                      <a:gd name="connsiteX0" fmla="*/ 2786253 w 2791260"/>
                      <a:gd name="connsiteY0" fmla="*/ 1017740 h 1579801"/>
                      <a:gd name="connsiteX1" fmla="*/ 2791260 w 2791260"/>
                      <a:gd name="connsiteY1" fmla="*/ 1579801 h 1579801"/>
                      <a:gd name="connsiteX2" fmla="*/ 923 w 2791260"/>
                      <a:gd name="connsiteY2" fmla="*/ 416354 h 1579801"/>
                      <a:gd name="connsiteX3" fmla="*/ 0 w 2791260"/>
                      <a:gd name="connsiteY3" fmla="*/ 0 h 1579801"/>
                      <a:gd name="connsiteX4" fmla="*/ 2786253 w 2791260"/>
                      <a:gd name="connsiteY4" fmla="*/ 1017740 h 1579801"/>
                      <a:gd name="connsiteX0" fmla="*/ 2785615 w 2790622"/>
                      <a:gd name="connsiteY0" fmla="*/ 1210729 h 1772790"/>
                      <a:gd name="connsiteX1" fmla="*/ 2790622 w 2790622"/>
                      <a:gd name="connsiteY1" fmla="*/ 1772790 h 1772790"/>
                      <a:gd name="connsiteX2" fmla="*/ 285 w 2790622"/>
                      <a:gd name="connsiteY2" fmla="*/ 609343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77063 w 2782070"/>
                      <a:gd name="connsiteY0" fmla="*/ 1210729 h 1772790"/>
                      <a:gd name="connsiteX1" fmla="*/ 2782070 w 2782070"/>
                      <a:gd name="connsiteY1" fmla="*/ 1772790 h 1772790"/>
                      <a:gd name="connsiteX2" fmla="*/ 4048 w 2782070"/>
                      <a:gd name="connsiteY2" fmla="*/ 324547 h 1772790"/>
                      <a:gd name="connsiteX3" fmla="*/ 0 w 2782070"/>
                      <a:gd name="connsiteY3" fmla="*/ 0 h 1772790"/>
                      <a:gd name="connsiteX4" fmla="*/ 2777063 w 2782070"/>
                      <a:gd name="connsiteY4" fmla="*/ 1210729 h 1772790"/>
                      <a:gd name="connsiteX0" fmla="*/ 2777063 w 2782070"/>
                      <a:gd name="connsiteY0" fmla="*/ 1210729 h 1772790"/>
                      <a:gd name="connsiteX1" fmla="*/ 2782070 w 2782070"/>
                      <a:gd name="connsiteY1" fmla="*/ 1772790 h 1772790"/>
                      <a:gd name="connsiteX2" fmla="*/ 4048 w 2782070"/>
                      <a:gd name="connsiteY2" fmla="*/ 324547 h 1772790"/>
                      <a:gd name="connsiteX3" fmla="*/ 0 w 2782070"/>
                      <a:gd name="connsiteY3" fmla="*/ 0 h 1772790"/>
                      <a:gd name="connsiteX4" fmla="*/ 2777063 w 2782070"/>
                      <a:gd name="connsiteY4" fmla="*/ 1210729 h 1772790"/>
                      <a:gd name="connsiteX0" fmla="*/ 2777063 w 2782070"/>
                      <a:gd name="connsiteY0" fmla="*/ 1451009 h 2013070"/>
                      <a:gd name="connsiteX1" fmla="*/ 2782070 w 2782070"/>
                      <a:gd name="connsiteY1" fmla="*/ 2013070 h 2013070"/>
                      <a:gd name="connsiteX2" fmla="*/ 4048 w 2782070"/>
                      <a:gd name="connsiteY2" fmla="*/ 564827 h 2013070"/>
                      <a:gd name="connsiteX3" fmla="*/ 0 w 2782070"/>
                      <a:gd name="connsiteY3" fmla="*/ 0 h 2013070"/>
                      <a:gd name="connsiteX4" fmla="*/ 2777063 w 2782070"/>
                      <a:gd name="connsiteY4" fmla="*/ 1451009 h 2013070"/>
                      <a:gd name="connsiteX0" fmla="*/ 2777121 w 2782128"/>
                      <a:gd name="connsiteY0" fmla="*/ 1451009 h 2013070"/>
                      <a:gd name="connsiteX1" fmla="*/ 2782128 w 2782128"/>
                      <a:gd name="connsiteY1" fmla="*/ 2013070 h 2013070"/>
                      <a:gd name="connsiteX2" fmla="*/ 769 w 2782128"/>
                      <a:gd name="connsiteY2" fmla="*/ 317873 h 2013070"/>
                      <a:gd name="connsiteX3" fmla="*/ 58 w 2782128"/>
                      <a:gd name="connsiteY3" fmla="*/ 0 h 2013070"/>
                      <a:gd name="connsiteX4" fmla="*/ 2777121 w 2782128"/>
                      <a:gd name="connsiteY4" fmla="*/ 1451009 h 2013070"/>
                      <a:gd name="connsiteX0" fmla="*/ 2796415 w 2801422"/>
                      <a:gd name="connsiteY0" fmla="*/ 1460685 h 2022746"/>
                      <a:gd name="connsiteX1" fmla="*/ 2801422 w 2801422"/>
                      <a:gd name="connsiteY1" fmla="*/ 2022746 h 2022746"/>
                      <a:gd name="connsiteX2" fmla="*/ 20063 w 2801422"/>
                      <a:gd name="connsiteY2" fmla="*/ 327549 h 2022746"/>
                      <a:gd name="connsiteX3" fmla="*/ 0 w 2801422"/>
                      <a:gd name="connsiteY3" fmla="*/ 0 h 2022746"/>
                      <a:gd name="connsiteX4" fmla="*/ 2796415 w 2801422"/>
                      <a:gd name="connsiteY4" fmla="*/ 1460685 h 2022746"/>
                      <a:gd name="connsiteX0" fmla="*/ 2798647 w 2803654"/>
                      <a:gd name="connsiteY0" fmla="*/ 1460685 h 2022746"/>
                      <a:gd name="connsiteX1" fmla="*/ 2803654 w 2803654"/>
                      <a:gd name="connsiteY1" fmla="*/ 2022746 h 2022746"/>
                      <a:gd name="connsiteX2" fmla="*/ 524 w 2803654"/>
                      <a:gd name="connsiteY2" fmla="*/ 322711 h 2022746"/>
                      <a:gd name="connsiteX3" fmla="*/ 2232 w 2803654"/>
                      <a:gd name="connsiteY3" fmla="*/ 0 h 2022746"/>
                      <a:gd name="connsiteX4" fmla="*/ 2798647 w 2803654"/>
                      <a:gd name="connsiteY4" fmla="*/ 1460685 h 2022746"/>
                      <a:gd name="connsiteX0" fmla="*/ 2798647 w 2803654"/>
                      <a:gd name="connsiteY0" fmla="*/ 1460685 h 2022746"/>
                      <a:gd name="connsiteX1" fmla="*/ 2803654 w 2803654"/>
                      <a:gd name="connsiteY1" fmla="*/ 2022746 h 2022746"/>
                      <a:gd name="connsiteX2" fmla="*/ 524 w 2803654"/>
                      <a:gd name="connsiteY2" fmla="*/ 322711 h 2022746"/>
                      <a:gd name="connsiteX3" fmla="*/ 2232 w 2803654"/>
                      <a:gd name="connsiteY3" fmla="*/ 0 h 2022746"/>
                      <a:gd name="connsiteX4" fmla="*/ 2798647 w 2803654"/>
                      <a:gd name="connsiteY4" fmla="*/ 1460685 h 2022746"/>
                      <a:gd name="connsiteX0" fmla="*/ 2798123 w 2803130"/>
                      <a:gd name="connsiteY0" fmla="*/ 1460685 h 2022746"/>
                      <a:gd name="connsiteX1" fmla="*/ 2803130 w 2803130"/>
                      <a:gd name="connsiteY1" fmla="*/ 2022746 h 2022746"/>
                      <a:gd name="connsiteX2" fmla="*/ 0 w 2803130"/>
                      <a:gd name="connsiteY2" fmla="*/ 322711 h 2022746"/>
                      <a:gd name="connsiteX3" fmla="*/ 1708 w 2803130"/>
                      <a:gd name="connsiteY3" fmla="*/ 0 h 2022746"/>
                      <a:gd name="connsiteX4" fmla="*/ 2798123 w 2803130"/>
                      <a:gd name="connsiteY4" fmla="*/ 1460685 h 2022746"/>
                      <a:gd name="connsiteX0" fmla="*/ 2798123 w 2803130"/>
                      <a:gd name="connsiteY0" fmla="*/ 1453427 h 2015488"/>
                      <a:gd name="connsiteX1" fmla="*/ 2803130 w 2803130"/>
                      <a:gd name="connsiteY1" fmla="*/ 2015488 h 2015488"/>
                      <a:gd name="connsiteX2" fmla="*/ 0 w 2803130"/>
                      <a:gd name="connsiteY2" fmla="*/ 315453 h 2015488"/>
                      <a:gd name="connsiteX3" fmla="*/ 4127 w 2803130"/>
                      <a:gd name="connsiteY3" fmla="*/ 0 h 2015488"/>
                      <a:gd name="connsiteX4" fmla="*/ 2798123 w 2803130"/>
                      <a:gd name="connsiteY4" fmla="*/ 1453427 h 2015488"/>
                      <a:gd name="connsiteX0" fmla="*/ 2793996 w 2799003"/>
                      <a:gd name="connsiteY0" fmla="*/ 1453427 h 2015488"/>
                      <a:gd name="connsiteX1" fmla="*/ 2799003 w 2799003"/>
                      <a:gd name="connsiteY1" fmla="*/ 2015488 h 2015488"/>
                      <a:gd name="connsiteX2" fmla="*/ 3130 w 2799003"/>
                      <a:gd name="connsiteY2" fmla="*/ 315453 h 2015488"/>
                      <a:gd name="connsiteX3" fmla="*/ 0 w 2799003"/>
                      <a:gd name="connsiteY3" fmla="*/ 0 h 2015488"/>
                      <a:gd name="connsiteX4" fmla="*/ 2793996 w 2799003"/>
                      <a:gd name="connsiteY4" fmla="*/ 1453427 h 2015488"/>
                      <a:gd name="connsiteX0" fmla="*/ 2793996 w 2799003"/>
                      <a:gd name="connsiteY0" fmla="*/ 1453427 h 2015488"/>
                      <a:gd name="connsiteX1" fmla="*/ 2799003 w 2799003"/>
                      <a:gd name="connsiteY1" fmla="*/ 2015488 h 2015488"/>
                      <a:gd name="connsiteX2" fmla="*/ 465 w 2799003"/>
                      <a:gd name="connsiteY2" fmla="*/ 358107 h 2015488"/>
                      <a:gd name="connsiteX3" fmla="*/ 0 w 2799003"/>
                      <a:gd name="connsiteY3" fmla="*/ 0 h 2015488"/>
                      <a:gd name="connsiteX4" fmla="*/ 2793996 w 2799003"/>
                      <a:gd name="connsiteY4" fmla="*/ 1453427 h 2015488"/>
                      <a:gd name="connsiteX0" fmla="*/ 2793531 w 2798538"/>
                      <a:gd name="connsiteY0" fmla="*/ 1440727 h 2002788"/>
                      <a:gd name="connsiteX1" fmla="*/ 2798538 w 2798538"/>
                      <a:gd name="connsiteY1" fmla="*/ 2002788 h 2002788"/>
                      <a:gd name="connsiteX2" fmla="*/ 0 w 2798538"/>
                      <a:gd name="connsiteY2" fmla="*/ 345407 h 2002788"/>
                      <a:gd name="connsiteX3" fmla="*/ 2075 w 2798538"/>
                      <a:gd name="connsiteY3" fmla="*/ 0 h 2002788"/>
                      <a:gd name="connsiteX4" fmla="*/ 2793531 w 2798538"/>
                      <a:gd name="connsiteY4" fmla="*/ 1440727 h 2002788"/>
                      <a:gd name="connsiteX0" fmla="*/ 2796536 w 2801543"/>
                      <a:gd name="connsiteY0" fmla="*/ 1438187 h 2000248"/>
                      <a:gd name="connsiteX1" fmla="*/ 2801543 w 2801543"/>
                      <a:gd name="connsiteY1" fmla="*/ 2000248 h 2000248"/>
                      <a:gd name="connsiteX2" fmla="*/ 3005 w 2801543"/>
                      <a:gd name="connsiteY2" fmla="*/ 342867 h 2000248"/>
                      <a:gd name="connsiteX3" fmla="*/ 0 w 2801543"/>
                      <a:gd name="connsiteY3" fmla="*/ 0 h 2000248"/>
                      <a:gd name="connsiteX4" fmla="*/ 2796536 w 2801543"/>
                      <a:gd name="connsiteY4" fmla="*/ 1438187 h 2000248"/>
                      <a:gd name="connsiteX0" fmla="*/ 2796536 w 2801543"/>
                      <a:gd name="connsiteY0" fmla="*/ 1438187 h 2000248"/>
                      <a:gd name="connsiteX1" fmla="*/ 2801543 w 2801543"/>
                      <a:gd name="connsiteY1" fmla="*/ 2000248 h 2000248"/>
                      <a:gd name="connsiteX2" fmla="*/ 3005 w 2801543"/>
                      <a:gd name="connsiteY2" fmla="*/ 342867 h 2000248"/>
                      <a:gd name="connsiteX3" fmla="*/ 0 w 2801543"/>
                      <a:gd name="connsiteY3" fmla="*/ 0 h 2000248"/>
                      <a:gd name="connsiteX4" fmla="*/ 2796536 w 2801543"/>
                      <a:gd name="connsiteY4" fmla="*/ 1438187 h 2000248"/>
                      <a:gd name="connsiteX0" fmla="*/ 2800062 w 2805069"/>
                      <a:gd name="connsiteY0" fmla="*/ 1438187 h 2000248"/>
                      <a:gd name="connsiteX1" fmla="*/ 2805069 w 2805069"/>
                      <a:gd name="connsiteY1" fmla="*/ 2000248 h 2000248"/>
                      <a:gd name="connsiteX2" fmla="*/ 0 w 2805069"/>
                      <a:gd name="connsiteY2" fmla="*/ 336336 h 2000248"/>
                      <a:gd name="connsiteX3" fmla="*/ 3526 w 2805069"/>
                      <a:gd name="connsiteY3" fmla="*/ 0 h 2000248"/>
                      <a:gd name="connsiteX4" fmla="*/ 2800062 w 2805069"/>
                      <a:gd name="connsiteY4" fmla="*/ 1438187 h 2000248"/>
                      <a:gd name="connsiteX0" fmla="*/ 2796797 w 2801804"/>
                      <a:gd name="connsiteY0" fmla="*/ 1438187 h 2000248"/>
                      <a:gd name="connsiteX1" fmla="*/ 2801804 w 2801804"/>
                      <a:gd name="connsiteY1" fmla="*/ 2000248 h 2000248"/>
                      <a:gd name="connsiteX2" fmla="*/ 0 w 2801804"/>
                      <a:gd name="connsiteY2" fmla="*/ 339601 h 2000248"/>
                      <a:gd name="connsiteX3" fmla="*/ 261 w 2801804"/>
                      <a:gd name="connsiteY3" fmla="*/ 0 h 2000248"/>
                      <a:gd name="connsiteX4" fmla="*/ 2796797 w 2801804"/>
                      <a:gd name="connsiteY4" fmla="*/ 1438187 h 20002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801804" h="2000248">
                        <a:moveTo>
                          <a:pt x="2796797" y="1438187"/>
                        </a:moveTo>
                        <a:cubicBezTo>
                          <a:pt x="2798512" y="1623717"/>
                          <a:pt x="2800089" y="1814718"/>
                          <a:pt x="2801804" y="2000248"/>
                        </a:cubicBezTo>
                        <a:cubicBezTo>
                          <a:pt x="2108048" y="1617489"/>
                          <a:pt x="88781" y="391522"/>
                          <a:pt x="0" y="339601"/>
                        </a:cubicBezTo>
                        <a:cubicBezTo>
                          <a:pt x="78" y="222961"/>
                          <a:pt x="2602" y="172278"/>
                          <a:pt x="261" y="0"/>
                        </a:cubicBezTo>
                        <a:lnTo>
                          <a:pt x="2796797" y="1438187"/>
                        </a:lnTo>
                        <a:close/>
                      </a:path>
                    </a:pathLst>
                  </a:custGeom>
                  <a:solidFill>
                    <a:srgbClr val="9FA19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grpSp>
            <p:sp>
              <p:nvSpPr>
                <p:cNvPr id="70" name="TextBox 69">
                  <a:extLst>
                    <a:ext uri="{FF2B5EF4-FFF2-40B4-BE49-F238E27FC236}">
                      <a16:creationId xmlns:a16="http://schemas.microsoft.com/office/drawing/2014/main" id="{97FD4795-A779-4B6D-9496-C1F6E8FBF2F7}"/>
                    </a:ext>
                  </a:extLst>
                </p:cNvPr>
                <p:cNvSpPr txBox="1"/>
                <p:nvPr/>
              </p:nvSpPr>
              <p:spPr>
                <a:xfrm>
                  <a:off x="3678879" y="6064718"/>
                  <a:ext cx="309082" cy="39512"/>
                </a:xfrm>
                <a:prstGeom prst="rect">
                  <a:avLst/>
                </a:prstGeom>
                <a:noFill/>
                <a:scene3d>
                  <a:camera prst="orthographicFront">
                    <a:rot lat="19140000" lon="19660867" rev="21215106"/>
                  </a:camera>
                  <a:lightRig rig="threePt" dir="t"/>
                </a:scene3d>
              </p:spPr>
              <p:txBody>
                <a:bodyPr wrap="square" lIns="0" tIns="0" rIns="0" bIns="0" rtlCol="0">
                  <a:spAutoFit/>
                </a:bodyPr>
                <a:lstStyle/>
                <a:p>
                  <a:pPr marL="0" marR="0" lvl="0" indent="0" algn="ctr" defTabSz="914333" rtl="0" eaLnBrk="1" fontAlgn="auto" latinLnBrk="0" hangingPunct="1">
                    <a:lnSpc>
                      <a:spcPct val="100000"/>
                    </a:lnSpc>
                    <a:spcBef>
                      <a:spcPts val="0"/>
                    </a:spcBef>
                    <a:spcAft>
                      <a:spcPts val="0"/>
                    </a:spcAft>
                    <a:buClrTx/>
                    <a:buSzTx/>
                    <a:buFontTx/>
                    <a:buNone/>
                    <a:tabLst/>
                    <a:defRPr/>
                  </a:pPr>
                  <a:r>
                    <a:rPr kumimoji="0" lang="en-GB" sz="400" b="0" i="0" u="none" strike="noStrike" kern="1200" cap="none" spc="0" normalizeH="0" baseline="0" noProof="0">
                      <a:ln>
                        <a:noFill/>
                      </a:ln>
                      <a:solidFill>
                        <a:prstClr val="white"/>
                      </a:solidFill>
                      <a:effectLst/>
                      <a:uLnTx/>
                      <a:uFillTx/>
                      <a:latin typeface="Open Sans"/>
                      <a:ea typeface="+mn-ea"/>
                      <a:cs typeface="+mn-cs"/>
                    </a:rPr>
                    <a:t>HARDWARE</a:t>
                  </a:r>
                  <a:endParaRPr lang="en-GB"/>
                </a:p>
              </p:txBody>
            </p:sp>
          </p:grpSp>
          <p:grpSp>
            <p:nvGrpSpPr>
              <p:cNvPr id="37" name="Group 36">
                <a:extLst>
                  <a:ext uri="{FF2B5EF4-FFF2-40B4-BE49-F238E27FC236}">
                    <a16:creationId xmlns:a16="http://schemas.microsoft.com/office/drawing/2014/main" id="{0DB2CDF6-1412-4D91-8954-92884D4966A1}"/>
                  </a:ext>
                </a:extLst>
              </p:cNvPr>
              <p:cNvGrpSpPr/>
              <p:nvPr/>
            </p:nvGrpSpPr>
            <p:grpSpPr>
              <a:xfrm>
                <a:off x="1142213" y="4065812"/>
                <a:ext cx="1484806" cy="745104"/>
                <a:chOff x="1142213" y="4065812"/>
                <a:chExt cx="1484806" cy="745104"/>
              </a:xfrm>
            </p:grpSpPr>
            <p:pic>
              <p:nvPicPr>
                <p:cNvPr id="62" name="Picture 61">
                  <a:extLst>
                    <a:ext uri="{FF2B5EF4-FFF2-40B4-BE49-F238E27FC236}">
                      <a16:creationId xmlns:a16="http://schemas.microsoft.com/office/drawing/2014/main" id="{4EFDCCEC-529C-4A61-B1FB-C519748A8ED7}"/>
                    </a:ext>
                  </a:extLst>
                </p:cNvPr>
                <p:cNvPicPr>
                  <a:picLocks noChangeAspect="1"/>
                </p:cNvPicPr>
                <p:nvPr/>
              </p:nvPicPr>
              <p:blipFill>
                <a:blip r:embed="rId5" cstate="screen">
                  <a:biLevel thresh="25000"/>
                  <a:extLst>
                    <a:ext uri="{28A0092B-C50C-407E-A947-70E740481C1C}">
                      <a14:useLocalDpi xmlns:a14="http://schemas.microsoft.com/office/drawing/2010/main"/>
                    </a:ext>
                  </a:extLst>
                </a:blip>
                <a:stretch>
                  <a:fillRect/>
                </a:stretch>
              </p:blipFill>
              <p:spPr>
                <a:xfrm>
                  <a:off x="1475603" y="4167089"/>
                  <a:ext cx="856209" cy="255932"/>
                </a:xfrm>
                <a:prstGeom prst="rect">
                  <a:avLst/>
                </a:prstGeom>
              </p:spPr>
            </p:pic>
            <p:grpSp>
              <p:nvGrpSpPr>
                <p:cNvPr id="63" name="Group 62">
                  <a:extLst>
                    <a:ext uri="{FF2B5EF4-FFF2-40B4-BE49-F238E27FC236}">
                      <a16:creationId xmlns:a16="http://schemas.microsoft.com/office/drawing/2014/main" id="{4734CC76-DF04-450D-A7C7-4E26F4DA9B92}"/>
                    </a:ext>
                  </a:extLst>
                </p:cNvPr>
                <p:cNvGrpSpPr/>
                <p:nvPr/>
              </p:nvGrpSpPr>
              <p:grpSpPr>
                <a:xfrm>
                  <a:off x="1142213" y="4065812"/>
                  <a:ext cx="1484806" cy="745104"/>
                  <a:chOff x="3593045" y="5683042"/>
                  <a:chExt cx="953051" cy="478260"/>
                </a:xfrm>
              </p:grpSpPr>
              <p:grpSp>
                <p:nvGrpSpPr>
                  <p:cNvPr id="64" name="Group 63">
                    <a:extLst>
                      <a:ext uri="{FF2B5EF4-FFF2-40B4-BE49-F238E27FC236}">
                        <a16:creationId xmlns:a16="http://schemas.microsoft.com/office/drawing/2014/main" id="{1BDC6645-217B-46D6-8358-08F43488029D}"/>
                      </a:ext>
                    </a:extLst>
                  </p:cNvPr>
                  <p:cNvGrpSpPr/>
                  <p:nvPr/>
                </p:nvGrpSpPr>
                <p:grpSpPr>
                  <a:xfrm>
                    <a:off x="3593045" y="5683042"/>
                    <a:ext cx="953051" cy="478260"/>
                    <a:chOff x="3498196" y="1748793"/>
                    <a:chExt cx="5000661" cy="2509431"/>
                  </a:xfrm>
                </p:grpSpPr>
                <p:sp>
                  <p:nvSpPr>
                    <p:cNvPr id="66" name="Freeform: Shape 65">
                      <a:extLst>
                        <a:ext uri="{FF2B5EF4-FFF2-40B4-BE49-F238E27FC236}">
                          <a16:creationId xmlns:a16="http://schemas.microsoft.com/office/drawing/2014/main" id="{8FB90843-19E5-4C1B-9479-844312D13E03}"/>
                        </a:ext>
                      </a:extLst>
                    </p:cNvPr>
                    <p:cNvSpPr/>
                    <p:nvPr/>
                  </p:nvSpPr>
                  <p:spPr>
                    <a:xfrm>
                      <a:off x="3498196" y="1748793"/>
                      <a:ext cx="4996963" cy="1955450"/>
                    </a:xfrm>
                    <a:custGeom>
                      <a:avLst/>
                      <a:gdLst>
                        <a:gd name="connsiteX0" fmla="*/ 2305879 w 5041127"/>
                        <a:gd name="connsiteY0" fmla="*/ 0 h 1956021"/>
                        <a:gd name="connsiteX1" fmla="*/ 5041127 w 5041127"/>
                        <a:gd name="connsiteY1" fmla="*/ 826936 h 1956021"/>
                        <a:gd name="connsiteX2" fmla="*/ 2782957 w 5041127"/>
                        <a:gd name="connsiteY2" fmla="*/ 1956021 h 1956021"/>
                        <a:gd name="connsiteX3" fmla="*/ 0 w 5041127"/>
                        <a:gd name="connsiteY3" fmla="*/ 954157 h 1956021"/>
                        <a:gd name="connsiteX4" fmla="*/ 2305879 w 5041127"/>
                        <a:gd name="connsiteY4" fmla="*/ 0 h 1956021"/>
                        <a:gd name="connsiteX0" fmla="*/ 2305879 w 5018688"/>
                        <a:gd name="connsiteY0" fmla="*/ 0 h 1956021"/>
                        <a:gd name="connsiteX1" fmla="*/ 5018688 w 5018688"/>
                        <a:gd name="connsiteY1" fmla="*/ 829741 h 1956021"/>
                        <a:gd name="connsiteX2" fmla="*/ 2782957 w 5018688"/>
                        <a:gd name="connsiteY2" fmla="*/ 1956021 h 1956021"/>
                        <a:gd name="connsiteX3" fmla="*/ 0 w 5018688"/>
                        <a:gd name="connsiteY3" fmla="*/ 954157 h 1956021"/>
                        <a:gd name="connsiteX4" fmla="*/ 2305879 w 5018688"/>
                        <a:gd name="connsiteY4" fmla="*/ 0 h 1956021"/>
                        <a:gd name="connsiteX0" fmla="*/ 2305879 w 5018688"/>
                        <a:gd name="connsiteY0" fmla="*/ 0 h 1956021"/>
                        <a:gd name="connsiteX1" fmla="*/ 5018688 w 5018688"/>
                        <a:gd name="connsiteY1" fmla="*/ 835351 h 1956021"/>
                        <a:gd name="connsiteX2" fmla="*/ 2782957 w 5018688"/>
                        <a:gd name="connsiteY2" fmla="*/ 1956021 h 1956021"/>
                        <a:gd name="connsiteX3" fmla="*/ 0 w 5018688"/>
                        <a:gd name="connsiteY3" fmla="*/ 954157 h 1956021"/>
                        <a:gd name="connsiteX4" fmla="*/ 2305879 w 5018688"/>
                        <a:gd name="connsiteY4" fmla="*/ 0 h 1956021"/>
                        <a:gd name="connsiteX0" fmla="*/ 2303074 w 5015883"/>
                        <a:gd name="connsiteY0" fmla="*/ 0 h 1956021"/>
                        <a:gd name="connsiteX1" fmla="*/ 5015883 w 5015883"/>
                        <a:gd name="connsiteY1" fmla="*/ 835351 h 1956021"/>
                        <a:gd name="connsiteX2" fmla="*/ 2780152 w 5015883"/>
                        <a:gd name="connsiteY2" fmla="*/ 1956021 h 1956021"/>
                        <a:gd name="connsiteX3" fmla="*/ 0 w 5015883"/>
                        <a:gd name="connsiteY3" fmla="*/ 937327 h 1956021"/>
                        <a:gd name="connsiteX4" fmla="*/ 2303074 w 5015883"/>
                        <a:gd name="connsiteY4" fmla="*/ 0 h 1956021"/>
                        <a:gd name="connsiteX0" fmla="*/ 2303074 w 5015883"/>
                        <a:gd name="connsiteY0" fmla="*/ 0 h 1964436"/>
                        <a:gd name="connsiteX1" fmla="*/ 5015883 w 5015883"/>
                        <a:gd name="connsiteY1" fmla="*/ 835351 h 1964436"/>
                        <a:gd name="connsiteX2" fmla="*/ 2791372 w 5015883"/>
                        <a:gd name="connsiteY2" fmla="*/ 1964436 h 1964436"/>
                        <a:gd name="connsiteX3" fmla="*/ 0 w 5015883"/>
                        <a:gd name="connsiteY3" fmla="*/ 937327 h 1964436"/>
                        <a:gd name="connsiteX4" fmla="*/ 2303074 w 5015883"/>
                        <a:gd name="connsiteY4" fmla="*/ 0 h 1964436"/>
                        <a:gd name="connsiteX0" fmla="*/ 2303074 w 5009847"/>
                        <a:gd name="connsiteY0" fmla="*/ 0 h 1964436"/>
                        <a:gd name="connsiteX1" fmla="*/ 5009847 w 5009847"/>
                        <a:gd name="connsiteY1" fmla="*/ 874583 h 1964436"/>
                        <a:gd name="connsiteX2" fmla="*/ 2791372 w 5009847"/>
                        <a:gd name="connsiteY2" fmla="*/ 1964436 h 1964436"/>
                        <a:gd name="connsiteX3" fmla="*/ 0 w 5009847"/>
                        <a:gd name="connsiteY3" fmla="*/ 937327 h 1964436"/>
                        <a:gd name="connsiteX4" fmla="*/ 2303074 w 5009847"/>
                        <a:gd name="connsiteY4" fmla="*/ 0 h 1964436"/>
                        <a:gd name="connsiteX0" fmla="*/ 2320327 w 5009847"/>
                        <a:gd name="connsiteY0" fmla="*/ 0 h 1860919"/>
                        <a:gd name="connsiteX1" fmla="*/ 5009847 w 5009847"/>
                        <a:gd name="connsiteY1" fmla="*/ 771066 h 1860919"/>
                        <a:gd name="connsiteX2" fmla="*/ 2791372 w 5009847"/>
                        <a:gd name="connsiteY2" fmla="*/ 1860919 h 1860919"/>
                        <a:gd name="connsiteX3" fmla="*/ 0 w 5009847"/>
                        <a:gd name="connsiteY3" fmla="*/ 833810 h 1860919"/>
                        <a:gd name="connsiteX4" fmla="*/ 2320327 w 5009847"/>
                        <a:gd name="connsiteY4" fmla="*/ 0 h 1860919"/>
                        <a:gd name="connsiteX0" fmla="*/ 2331829 w 5009847"/>
                        <a:gd name="connsiteY0" fmla="*/ 0 h 1745900"/>
                        <a:gd name="connsiteX1" fmla="*/ 5009847 w 5009847"/>
                        <a:gd name="connsiteY1" fmla="*/ 656047 h 1745900"/>
                        <a:gd name="connsiteX2" fmla="*/ 2791372 w 5009847"/>
                        <a:gd name="connsiteY2" fmla="*/ 1745900 h 1745900"/>
                        <a:gd name="connsiteX3" fmla="*/ 0 w 5009847"/>
                        <a:gd name="connsiteY3" fmla="*/ 718791 h 1745900"/>
                        <a:gd name="connsiteX4" fmla="*/ 2331829 w 5009847"/>
                        <a:gd name="connsiteY4" fmla="*/ 0 h 1745900"/>
                        <a:gd name="connsiteX0" fmla="*/ 2322639 w 5000657"/>
                        <a:gd name="connsiteY0" fmla="*/ 0 h 1745900"/>
                        <a:gd name="connsiteX1" fmla="*/ 5000657 w 5000657"/>
                        <a:gd name="connsiteY1" fmla="*/ 656047 h 1745900"/>
                        <a:gd name="connsiteX2" fmla="*/ 2782182 w 5000657"/>
                        <a:gd name="connsiteY2" fmla="*/ 1745900 h 1745900"/>
                        <a:gd name="connsiteX3" fmla="*/ 0 w 5000657"/>
                        <a:gd name="connsiteY3" fmla="*/ 530397 h 1745900"/>
                        <a:gd name="connsiteX4" fmla="*/ 2322639 w 5000657"/>
                        <a:gd name="connsiteY4" fmla="*/ 0 h 1745900"/>
                        <a:gd name="connsiteX0" fmla="*/ 2322639 w 5003675"/>
                        <a:gd name="connsiteY0" fmla="*/ 0 h 1745900"/>
                        <a:gd name="connsiteX1" fmla="*/ 5003675 w 5003675"/>
                        <a:gd name="connsiteY1" fmla="*/ 520245 h 1745900"/>
                        <a:gd name="connsiteX2" fmla="*/ 2782182 w 5003675"/>
                        <a:gd name="connsiteY2" fmla="*/ 1745900 h 1745900"/>
                        <a:gd name="connsiteX3" fmla="*/ 0 w 5003675"/>
                        <a:gd name="connsiteY3" fmla="*/ 530397 h 1745900"/>
                        <a:gd name="connsiteX4" fmla="*/ 2322639 w 5003675"/>
                        <a:gd name="connsiteY4" fmla="*/ 0 h 1745900"/>
                        <a:gd name="connsiteX0" fmla="*/ 2322639 w 5000657"/>
                        <a:gd name="connsiteY0" fmla="*/ 0 h 1745900"/>
                        <a:gd name="connsiteX1" fmla="*/ 5000657 w 5000657"/>
                        <a:gd name="connsiteY1" fmla="*/ 499121 h 1745900"/>
                        <a:gd name="connsiteX2" fmla="*/ 2782182 w 5000657"/>
                        <a:gd name="connsiteY2" fmla="*/ 1745900 h 1745900"/>
                        <a:gd name="connsiteX3" fmla="*/ 0 w 5000657"/>
                        <a:gd name="connsiteY3" fmla="*/ 530397 h 1745900"/>
                        <a:gd name="connsiteX4" fmla="*/ 2322639 w 5000657"/>
                        <a:gd name="connsiteY4" fmla="*/ 0 h 1745900"/>
                        <a:gd name="connsiteX0" fmla="*/ 2370264 w 5000657"/>
                        <a:gd name="connsiteY0" fmla="*/ 0 h 1917350"/>
                        <a:gd name="connsiteX1" fmla="*/ 5000657 w 5000657"/>
                        <a:gd name="connsiteY1" fmla="*/ 670571 h 1917350"/>
                        <a:gd name="connsiteX2" fmla="*/ 2782182 w 5000657"/>
                        <a:gd name="connsiteY2" fmla="*/ 1917350 h 1917350"/>
                        <a:gd name="connsiteX3" fmla="*/ 0 w 5000657"/>
                        <a:gd name="connsiteY3" fmla="*/ 701847 h 1917350"/>
                        <a:gd name="connsiteX4" fmla="*/ 2370264 w 5000657"/>
                        <a:gd name="connsiteY4" fmla="*/ 0 h 1917350"/>
                        <a:gd name="connsiteX0" fmla="*/ 2379789 w 5000657"/>
                        <a:gd name="connsiteY0" fmla="*/ 0 h 1955450"/>
                        <a:gd name="connsiteX1" fmla="*/ 5000657 w 5000657"/>
                        <a:gd name="connsiteY1" fmla="*/ 708671 h 1955450"/>
                        <a:gd name="connsiteX2" fmla="*/ 2782182 w 5000657"/>
                        <a:gd name="connsiteY2" fmla="*/ 1955450 h 1955450"/>
                        <a:gd name="connsiteX3" fmla="*/ 0 w 5000657"/>
                        <a:gd name="connsiteY3" fmla="*/ 739947 h 1955450"/>
                        <a:gd name="connsiteX4" fmla="*/ 2379789 w 5000657"/>
                        <a:gd name="connsiteY4" fmla="*/ 0 h 1955450"/>
                        <a:gd name="connsiteX0" fmla="*/ 2376312 w 4997180"/>
                        <a:gd name="connsiteY0" fmla="*/ 0 h 1955450"/>
                        <a:gd name="connsiteX1" fmla="*/ 4997180 w 4997180"/>
                        <a:gd name="connsiteY1" fmla="*/ 708671 h 1955450"/>
                        <a:gd name="connsiteX2" fmla="*/ 2778705 w 4997180"/>
                        <a:gd name="connsiteY2" fmla="*/ 1955450 h 1955450"/>
                        <a:gd name="connsiteX3" fmla="*/ 0 w 4997180"/>
                        <a:gd name="connsiteY3" fmla="*/ 715609 h 1955450"/>
                        <a:gd name="connsiteX4" fmla="*/ 2376312 w 4997180"/>
                        <a:gd name="connsiteY4" fmla="*/ 0 h 1955450"/>
                        <a:gd name="connsiteX0" fmla="*/ 2383569 w 5004437"/>
                        <a:gd name="connsiteY0" fmla="*/ 0 h 1955450"/>
                        <a:gd name="connsiteX1" fmla="*/ 5004437 w 5004437"/>
                        <a:gd name="connsiteY1" fmla="*/ 708671 h 1955450"/>
                        <a:gd name="connsiteX2" fmla="*/ 2785962 w 5004437"/>
                        <a:gd name="connsiteY2" fmla="*/ 1955450 h 1955450"/>
                        <a:gd name="connsiteX3" fmla="*/ 0 w 5004437"/>
                        <a:gd name="connsiteY3" fmla="*/ 718028 h 1955450"/>
                        <a:gd name="connsiteX4" fmla="*/ 2383569 w 5004437"/>
                        <a:gd name="connsiteY4" fmla="*/ 0 h 1955450"/>
                        <a:gd name="connsiteX0" fmla="*/ 2392305 w 5013173"/>
                        <a:gd name="connsiteY0" fmla="*/ 0 h 1955450"/>
                        <a:gd name="connsiteX1" fmla="*/ 5013173 w 5013173"/>
                        <a:gd name="connsiteY1" fmla="*/ 708671 h 1955450"/>
                        <a:gd name="connsiteX2" fmla="*/ 2794698 w 5013173"/>
                        <a:gd name="connsiteY2" fmla="*/ 1955450 h 1955450"/>
                        <a:gd name="connsiteX3" fmla="*/ 0 w 5013173"/>
                        <a:gd name="connsiteY3" fmla="*/ 720940 h 1955450"/>
                        <a:gd name="connsiteX4" fmla="*/ 2392305 w 5013173"/>
                        <a:gd name="connsiteY4" fmla="*/ 0 h 1955450"/>
                        <a:gd name="connsiteX0" fmla="*/ 2392305 w 5000681"/>
                        <a:gd name="connsiteY0" fmla="*/ 0 h 1955450"/>
                        <a:gd name="connsiteX1" fmla="*/ 5000681 w 5000681"/>
                        <a:gd name="connsiteY1" fmla="*/ 706172 h 1955450"/>
                        <a:gd name="connsiteX2" fmla="*/ 2794698 w 5000681"/>
                        <a:gd name="connsiteY2" fmla="*/ 1955450 h 1955450"/>
                        <a:gd name="connsiteX3" fmla="*/ 0 w 5000681"/>
                        <a:gd name="connsiteY3" fmla="*/ 720940 h 1955450"/>
                        <a:gd name="connsiteX4" fmla="*/ 2392305 w 5000681"/>
                        <a:gd name="connsiteY4" fmla="*/ 0 h 1955450"/>
                        <a:gd name="connsiteX0" fmla="*/ 2392305 w 5003180"/>
                        <a:gd name="connsiteY0" fmla="*/ 0 h 1955450"/>
                        <a:gd name="connsiteX1" fmla="*/ 5003180 w 5003180"/>
                        <a:gd name="connsiteY1" fmla="*/ 708670 h 1955450"/>
                        <a:gd name="connsiteX2" fmla="*/ 2794698 w 5003180"/>
                        <a:gd name="connsiteY2" fmla="*/ 1955450 h 1955450"/>
                        <a:gd name="connsiteX3" fmla="*/ 0 w 5003180"/>
                        <a:gd name="connsiteY3" fmla="*/ 720940 h 1955450"/>
                        <a:gd name="connsiteX4" fmla="*/ 2392305 w 5003180"/>
                        <a:gd name="connsiteY4" fmla="*/ 0 h 1955450"/>
                        <a:gd name="connsiteX0" fmla="*/ 2386973 w 4997848"/>
                        <a:gd name="connsiteY0" fmla="*/ 0 h 1955450"/>
                        <a:gd name="connsiteX1" fmla="*/ 4997848 w 4997848"/>
                        <a:gd name="connsiteY1" fmla="*/ 708670 h 1955450"/>
                        <a:gd name="connsiteX2" fmla="*/ 2789366 w 4997848"/>
                        <a:gd name="connsiteY2" fmla="*/ 1955450 h 1955450"/>
                        <a:gd name="connsiteX3" fmla="*/ 0 w 4997848"/>
                        <a:gd name="connsiteY3" fmla="*/ 710276 h 1955450"/>
                        <a:gd name="connsiteX4" fmla="*/ 2386973 w 4997848"/>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13542 h 1955450"/>
                        <a:gd name="connsiteX4" fmla="*/ 2383707 w 4994582"/>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00479 h 1955450"/>
                        <a:gd name="connsiteX4" fmla="*/ 2383707 w 4994582"/>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13542 h 1955450"/>
                        <a:gd name="connsiteX4" fmla="*/ 2383707 w 4994582"/>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13542 h 1955450"/>
                        <a:gd name="connsiteX4" fmla="*/ 2383707 w 4994582"/>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8304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8304 h 1955450"/>
                        <a:gd name="connsiteX4" fmla="*/ 2386088 w 4996963"/>
                        <a:gd name="connsiteY4" fmla="*/ 0 h 1955450"/>
                        <a:gd name="connsiteX0" fmla="*/ 2362276 w 4973151"/>
                        <a:gd name="connsiteY0" fmla="*/ 0 h 1955450"/>
                        <a:gd name="connsiteX1" fmla="*/ 4973151 w 4973151"/>
                        <a:gd name="connsiteY1" fmla="*/ 708670 h 1955450"/>
                        <a:gd name="connsiteX2" fmla="*/ 2764669 w 4973151"/>
                        <a:gd name="connsiteY2" fmla="*/ 1955450 h 1955450"/>
                        <a:gd name="connsiteX3" fmla="*/ 0 w 4973151"/>
                        <a:gd name="connsiteY3" fmla="*/ 696873 h 1955450"/>
                        <a:gd name="connsiteX4" fmla="*/ 2362276 w 4973151"/>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3541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3541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3541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7099 h 1955450"/>
                        <a:gd name="connsiteX4" fmla="*/ 2386088 w 4996963"/>
                        <a:gd name="connsiteY4" fmla="*/ 0 h 19554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996963" h="1955450">
                          <a:moveTo>
                            <a:pt x="2386088" y="0"/>
                          </a:moveTo>
                          <a:lnTo>
                            <a:pt x="4996963" y="708670"/>
                          </a:lnTo>
                          <a:lnTo>
                            <a:pt x="2788481" y="1955450"/>
                          </a:lnTo>
                          <a:lnTo>
                            <a:pt x="0" y="717099"/>
                          </a:lnTo>
                          <a:lnTo>
                            <a:pt x="2386088" y="0"/>
                          </a:lnTo>
                          <a:close/>
                        </a:path>
                      </a:pathLst>
                    </a:custGeom>
                    <a:solidFill>
                      <a:srgbClr val="1C556E">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sp>
                  <p:nvSpPr>
                    <p:cNvPr id="67" name="Freeform: Shape 66">
                      <a:extLst>
                        <a:ext uri="{FF2B5EF4-FFF2-40B4-BE49-F238E27FC236}">
                          <a16:creationId xmlns:a16="http://schemas.microsoft.com/office/drawing/2014/main" id="{AC083508-CB23-41D7-8028-4DED211D8D5B}"/>
                        </a:ext>
                      </a:extLst>
                    </p:cNvPr>
                    <p:cNvSpPr/>
                    <p:nvPr/>
                  </p:nvSpPr>
                  <p:spPr>
                    <a:xfrm>
                      <a:off x="6281810" y="2454120"/>
                      <a:ext cx="2217047" cy="1802832"/>
                    </a:xfrm>
                    <a:custGeom>
                      <a:avLst/>
                      <a:gdLst>
                        <a:gd name="connsiteX0" fmla="*/ 2250219 w 2258170"/>
                        <a:gd name="connsiteY0" fmla="*/ 0 h 1645920"/>
                        <a:gd name="connsiteX1" fmla="*/ 2258170 w 2258170"/>
                        <a:gd name="connsiteY1" fmla="*/ 469126 h 1645920"/>
                        <a:gd name="connsiteX2" fmla="*/ 15902 w 2258170"/>
                        <a:gd name="connsiteY2" fmla="*/ 1645920 h 1645920"/>
                        <a:gd name="connsiteX3" fmla="*/ 0 w 2258170"/>
                        <a:gd name="connsiteY3" fmla="*/ 1105231 h 1645920"/>
                        <a:gd name="connsiteX4" fmla="*/ 2250219 w 2258170"/>
                        <a:gd name="connsiteY4" fmla="*/ 0 h 1645920"/>
                        <a:gd name="connsiteX0" fmla="*/ 2244609 w 2258170"/>
                        <a:gd name="connsiteY0" fmla="*/ 0 h 1671164"/>
                        <a:gd name="connsiteX1" fmla="*/ 2258170 w 2258170"/>
                        <a:gd name="connsiteY1" fmla="*/ 494370 h 1671164"/>
                        <a:gd name="connsiteX2" fmla="*/ 15902 w 2258170"/>
                        <a:gd name="connsiteY2" fmla="*/ 1671164 h 1671164"/>
                        <a:gd name="connsiteX3" fmla="*/ 0 w 2258170"/>
                        <a:gd name="connsiteY3" fmla="*/ 1130475 h 1671164"/>
                        <a:gd name="connsiteX4" fmla="*/ 2244609 w 2258170"/>
                        <a:gd name="connsiteY4" fmla="*/ 0 h 1671164"/>
                        <a:gd name="connsiteX0" fmla="*/ 2244609 w 2244609"/>
                        <a:gd name="connsiteY0" fmla="*/ 0 h 1671164"/>
                        <a:gd name="connsiteX1" fmla="*/ 2235731 w 2244609"/>
                        <a:gd name="connsiteY1" fmla="*/ 494370 h 1671164"/>
                        <a:gd name="connsiteX2" fmla="*/ 15902 w 2244609"/>
                        <a:gd name="connsiteY2" fmla="*/ 1671164 h 1671164"/>
                        <a:gd name="connsiteX3" fmla="*/ 0 w 2244609"/>
                        <a:gd name="connsiteY3" fmla="*/ 1130475 h 1671164"/>
                        <a:gd name="connsiteX4" fmla="*/ 2244609 w 2244609"/>
                        <a:gd name="connsiteY4" fmla="*/ 0 h 1671164"/>
                        <a:gd name="connsiteX0" fmla="*/ 2244609 w 2244609"/>
                        <a:gd name="connsiteY0" fmla="*/ 0 h 1682383"/>
                        <a:gd name="connsiteX1" fmla="*/ 2235731 w 2244609"/>
                        <a:gd name="connsiteY1" fmla="*/ 494370 h 1682383"/>
                        <a:gd name="connsiteX2" fmla="*/ 13097 w 2244609"/>
                        <a:gd name="connsiteY2" fmla="*/ 1682383 h 1682383"/>
                        <a:gd name="connsiteX3" fmla="*/ 0 w 2244609"/>
                        <a:gd name="connsiteY3" fmla="*/ 1130475 h 1682383"/>
                        <a:gd name="connsiteX4" fmla="*/ 2244609 w 2244609"/>
                        <a:gd name="connsiteY4" fmla="*/ 0 h 1682383"/>
                        <a:gd name="connsiteX0" fmla="*/ 2239000 w 2239000"/>
                        <a:gd name="connsiteY0" fmla="*/ 0 h 1682383"/>
                        <a:gd name="connsiteX1" fmla="*/ 2230122 w 2239000"/>
                        <a:gd name="connsiteY1" fmla="*/ 494370 h 1682383"/>
                        <a:gd name="connsiteX2" fmla="*/ 7488 w 2239000"/>
                        <a:gd name="connsiteY2" fmla="*/ 1682383 h 1682383"/>
                        <a:gd name="connsiteX3" fmla="*/ 0 w 2239000"/>
                        <a:gd name="connsiteY3" fmla="*/ 1122060 h 1682383"/>
                        <a:gd name="connsiteX4" fmla="*/ 2239000 w 2239000"/>
                        <a:gd name="connsiteY4" fmla="*/ 0 h 1682383"/>
                        <a:gd name="connsiteX0" fmla="*/ 2233390 w 2233390"/>
                        <a:gd name="connsiteY0" fmla="*/ 0 h 1682383"/>
                        <a:gd name="connsiteX1" fmla="*/ 2230122 w 2233390"/>
                        <a:gd name="connsiteY1" fmla="*/ 494370 h 1682383"/>
                        <a:gd name="connsiteX2" fmla="*/ 7488 w 2233390"/>
                        <a:gd name="connsiteY2" fmla="*/ 1682383 h 1682383"/>
                        <a:gd name="connsiteX3" fmla="*/ 0 w 2233390"/>
                        <a:gd name="connsiteY3" fmla="*/ 1122060 h 1682383"/>
                        <a:gd name="connsiteX4" fmla="*/ 2233390 w 2233390"/>
                        <a:gd name="connsiteY4" fmla="*/ 0 h 1682383"/>
                        <a:gd name="connsiteX0" fmla="*/ 2225902 w 2225902"/>
                        <a:gd name="connsiteY0" fmla="*/ 0 h 1682383"/>
                        <a:gd name="connsiteX1" fmla="*/ 2222634 w 2225902"/>
                        <a:gd name="connsiteY1" fmla="*/ 494370 h 1682383"/>
                        <a:gd name="connsiteX2" fmla="*/ 0 w 2225902"/>
                        <a:gd name="connsiteY2" fmla="*/ 1682383 h 1682383"/>
                        <a:gd name="connsiteX3" fmla="*/ 9342 w 2225902"/>
                        <a:gd name="connsiteY3" fmla="*/ 1119255 h 1682383"/>
                        <a:gd name="connsiteX4" fmla="*/ 2225902 w 2225902"/>
                        <a:gd name="connsiteY4" fmla="*/ 0 h 1682383"/>
                        <a:gd name="connsiteX0" fmla="*/ 2217487 w 2217487"/>
                        <a:gd name="connsiteY0" fmla="*/ 0 h 1679578"/>
                        <a:gd name="connsiteX1" fmla="*/ 2214219 w 2217487"/>
                        <a:gd name="connsiteY1" fmla="*/ 494370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79578"/>
                        <a:gd name="connsiteX1" fmla="*/ 2214219 w 2217487"/>
                        <a:gd name="connsiteY1" fmla="*/ 473245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43365"/>
                        <a:gd name="connsiteX1" fmla="*/ 2214219 w 2217487"/>
                        <a:gd name="connsiteY1" fmla="*/ 437032 h 1643365"/>
                        <a:gd name="connsiteX2" fmla="*/ 0 w 2217487"/>
                        <a:gd name="connsiteY2" fmla="*/ 1643365 h 1643365"/>
                        <a:gd name="connsiteX3" fmla="*/ 927 w 2217487"/>
                        <a:gd name="connsiteY3" fmla="*/ 1083042 h 1643365"/>
                        <a:gd name="connsiteX4" fmla="*/ 2217487 w 2217487"/>
                        <a:gd name="connsiteY4" fmla="*/ 0 h 1643365"/>
                        <a:gd name="connsiteX0" fmla="*/ 2217487 w 2217487"/>
                        <a:gd name="connsiteY0" fmla="*/ 0 h 1643365"/>
                        <a:gd name="connsiteX1" fmla="*/ 2214219 w 2217487"/>
                        <a:gd name="connsiteY1" fmla="*/ 437032 h 1643365"/>
                        <a:gd name="connsiteX2" fmla="*/ 0 w 2217487"/>
                        <a:gd name="connsiteY2" fmla="*/ 1643365 h 1643365"/>
                        <a:gd name="connsiteX3" fmla="*/ 40932 w 2217487"/>
                        <a:gd name="connsiteY3" fmla="*/ 1143049 h 1643365"/>
                        <a:gd name="connsiteX4" fmla="*/ 2217487 w 2217487"/>
                        <a:gd name="connsiteY4" fmla="*/ 0 h 1643365"/>
                        <a:gd name="connsiteX0" fmla="*/ 2219418 w 2219418"/>
                        <a:gd name="connsiteY0" fmla="*/ 0 h 1643365"/>
                        <a:gd name="connsiteX1" fmla="*/ 2216150 w 2219418"/>
                        <a:gd name="connsiteY1" fmla="*/ 437032 h 1643365"/>
                        <a:gd name="connsiteX2" fmla="*/ 1931 w 2219418"/>
                        <a:gd name="connsiteY2" fmla="*/ 1643365 h 1643365"/>
                        <a:gd name="connsiteX3" fmla="*/ 0 w 2219418"/>
                        <a:gd name="connsiteY3" fmla="*/ 1094472 h 1643365"/>
                        <a:gd name="connsiteX4" fmla="*/ 2219418 w 2219418"/>
                        <a:gd name="connsiteY4" fmla="*/ 0 h 1643365"/>
                        <a:gd name="connsiteX0" fmla="*/ 2225133 w 2225133"/>
                        <a:gd name="connsiteY0" fmla="*/ 0 h 1643365"/>
                        <a:gd name="connsiteX1" fmla="*/ 2221865 w 2225133"/>
                        <a:gd name="connsiteY1" fmla="*/ 437032 h 1643365"/>
                        <a:gd name="connsiteX2" fmla="*/ 7646 w 2225133"/>
                        <a:gd name="connsiteY2" fmla="*/ 1643365 h 1643365"/>
                        <a:gd name="connsiteX3" fmla="*/ 0 w 2225133"/>
                        <a:gd name="connsiteY3" fmla="*/ 1094472 h 1643365"/>
                        <a:gd name="connsiteX4" fmla="*/ 2225133 w 2225133"/>
                        <a:gd name="connsiteY4" fmla="*/ 0 h 1643365"/>
                        <a:gd name="connsiteX0" fmla="*/ 2222275 w 2222275"/>
                        <a:gd name="connsiteY0" fmla="*/ 0 h 1643365"/>
                        <a:gd name="connsiteX1" fmla="*/ 2219007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19257 w 2219353"/>
                        <a:gd name="connsiteY0" fmla="*/ 0 h 1776149"/>
                        <a:gd name="connsiteX1" fmla="*/ 2219007 w 2219353"/>
                        <a:gd name="connsiteY1" fmla="*/ 569816 h 1776149"/>
                        <a:gd name="connsiteX2" fmla="*/ 4788 w 2219353"/>
                        <a:gd name="connsiteY2" fmla="*/ 1776149 h 1776149"/>
                        <a:gd name="connsiteX3" fmla="*/ 0 w 2219353"/>
                        <a:gd name="connsiteY3" fmla="*/ 1218684 h 1776149"/>
                        <a:gd name="connsiteX4" fmla="*/ 2219257 w 2219353"/>
                        <a:gd name="connsiteY4" fmla="*/ 0 h 1776149"/>
                        <a:gd name="connsiteX0" fmla="*/ 2219257 w 2219353"/>
                        <a:gd name="connsiteY0" fmla="*/ 0 h 1776149"/>
                        <a:gd name="connsiteX1" fmla="*/ 2219007 w 2219353"/>
                        <a:gd name="connsiteY1" fmla="*/ 391765 h 1776149"/>
                        <a:gd name="connsiteX2" fmla="*/ 4788 w 2219353"/>
                        <a:gd name="connsiteY2" fmla="*/ 1776149 h 1776149"/>
                        <a:gd name="connsiteX3" fmla="*/ 0 w 2219353"/>
                        <a:gd name="connsiteY3" fmla="*/ 1218684 h 1776149"/>
                        <a:gd name="connsiteX4" fmla="*/ 2219257 w 2219353"/>
                        <a:gd name="connsiteY4" fmla="*/ 0 h 1776149"/>
                        <a:gd name="connsiteX0" fmla="*/ 2225293 w 2225293"/>
                        <a:gd name="connsiteY0" fmla="*/ 0 h 1800292"/>
                        <a:gd name="connsiteX1" fmla="*/ 2219007 w 2225293"/>
                        <a:gd name="connsiteY1" fmla="*/ 415908 h 1800292"/>
                        <a:gd name="connsiteX2" fmla="*/ 4788 w 2225293"/>
                        <a:gd name="connsiteY2" fmla="*/ 1800292 h 1800292"/>
                        <a:gd name="connsiteX3" fmla="*/ 0 w 2225293"/>
                        <a:gd name="connsiteY3" fmla="*/ 1242827 h 1800292"/>
                        <a:gd name="connsiteX4" fmla="*/ 2225293 w 2225293"/>
                        <a:gd name="connsiteY4" fmla="*/ 0 h 1800292"/>
                        <a:gd name="connsiteX0" fmla="*/ 2225293 w 2225293"/>
                        <a:gd name="connsiteY0" fmla="*/ 0 h 1800292"/>
                        <a:gd name="connsiteX1" fmla="*/ 2219007 w 2225293"/>
                        <a:gd name="connsiteY1" fmla="*/ 376676 h 1800292"/>
                        <a:gd name="connsiteX2" fmla="*/ 4788 w 2225293"/>
                        <a:gd name="connsiteY2" fmla="*/ 1800292 h 1800292"/>
                        <a:gd name="connsiteX3" fmla="*/ 0 w 2225293"/>
                        <a:gd name="connsiteY3" fmla="*/ 1242827 h 1800292"/>
                        <a:gd name="connsiteX4" fmla="*/ 2225293 w 2225293"/>
                        <a:gd name="connsiteY4" fmla="*/ 0 h 1800292"/>
                        <a:gd name="connsiteX0" fmla="*/ 2215299 w 2219142"/>
                        <a:gd name="connsiteY0" fmla="*/ 0 h 1800292"/>
                        <a:gd name="connsiteX1" fmla="*/ 2219007 w 2219142"/>
                        <a:gd name="connsiteY1" fmla="*/ 376676 h 1800292"/>
                        <a:gd name="connsiteX2" fmla="*/ 4788 w 2219142"/>
                        <a:gd name="connsiteY2" fmla="*/ 1800292 h 1800292"/>
                        <a:gd name="connsiteX3" fmla="*/ 0 w 2219142"/>
                        <a:gd name="connsiteY3" fmla="*/ 1242827 h 1800292"/>
                        <a:gd name="connsiteX4" fmla="*/ 2215299 w 2219142"/>
                        <a:gd name="connsiteY4" fmla="*/ 0 h 1800292"/>
                        <a:gd name="connsiteX0" fmla="*/ 2215299 w 2219007"/>
                        <a:gd name="connsiteY0" fmla="*/ 0 h 1800292"/>
                        <a:gd name="connsiteX1" fmla="*/ 2219007 w 2219007"/>
                        <a:gd name="connsiteY1" fmla="*/ 376676 h 1800292"/>
                        <a:gd name="connsiteX2" fmla="*/ 4788 w 2219007"/>
                        <a:gd name="connsiteY2" fmla="*/ 1800292 h 1800292"/>
                        <a:gd name="connsiteX3" fmla="*/ 0 w 2219007"/>
                        <a:gd name="connsiteY3" fmla="*/ 1242827 h 1800292"/>
                        <a:gd name="connsiteX4" fmla="*/ 2215299 w 2219007"/>
                        <a:gd name="connsiteY4" fmla="*/ 0 h 1800292"/>
                        <a:gd name="connsiteX0" fmla="*/ 2215299 w 2216508"/>
                        <a:gd name="connsiteY0" fmla="*/ 0 h 1800292"/>
                        <a:gd name="connsiteX1" fmla="*/ 2216508 w 2216508"/>
                        <a:gd name="connsiteY1" fmla="*/ 376676 h 1800292"/>
                        <a:gd name="connsiteX2" fmla="*/ 4788 w 2216508"/>
                        <a:gd name="connsiteY2" fmla="*/ 1800292 h 1800292"/>
                        <a:gd name="connsiteX3" fmla="*/ 0 w 2216508"/>
                        <a:gd name="connsiteY3" fmla="*/ 1242827 h 1800292"/>
                        <a:gd name="connsiteX4" fmla="*/ 2215299 w 2216508"/>
                        <a:gd name="connsiteY4" fmla="*/ 0 h 1800292"/>
                        <a:gd name="connsiteX0" fmla="*/ 2215299 w 2216508"/>
                        <a:gd name="connsiteY0" fmla="*/ 0 h 1800292"/>
                        <a:gd name="connsiteX1" fmla="*/ 2216508 w 2216508"/>
                        <a:gd name="connsiteY1" fmla="*/ 376676 h 1800292"/>
                        <a:gd name="connsiteX2" fmla="*/ 7700 w 2216508"/>
                        <a:gd name="connsiteY2" fmla="*/ 1800292 h 1800292"/>
                        <a:gd name="connsiteX3" fmla="*/ 0 w 2216508"/>
                        <a:gd name="connsiteY3" fmla="*/ 1242827 h 1800292"/>
                        <a:gd name="connsiteX4" fmla="*/ 2215299 w 2216508"/>
                        <a:gd name="connsiteY4" fmla="*/ 0 h 1800292"/>
                        <a:gd name="connsiteX0" fmla="*/ 2215299 w 2216508"/>
                        <a:gd name="connsiteY0" fmla="*/ 0 h 1800292"/>
                        <a:gd name="connsiteX1" fmla="*/ 2216508 w 2216508"/>
                        <a:gd name="connsiteY1" fmla="*/ 376676 h 1800292"/>
                        <a:gd name="connsiteX2" fmla="*/ 1876 w 2216508"/>
                        <a:gd name="connsiteY2" fmla="*/ 1800292 h 1800292"/>
                        <a:gd name="connsiteX3" fmla="*/ 0 w 2216508"/>
                        <a:gd name="connsiteY3" fmla="*/ 1242827 h 1800292"/>
                        <a:gd name="connsiteX4" fmla="*/ 2215299 w 2216508"/>
                        <a:gd name="connsiteY4" fmla="*/ 0 h 1800292"/>
                        <a:gd name="connsiteX0" fmla="*/ 2215299 w 2216508"/>
                        <a:gd name="connsiteY0" fmla="*/ 0 h 1797752"/>
                        <a:gd name="connsiteX1" fmla="*/ 2216508 w 2216508"/>
                        <a:gd name="connsiteY1" fmla="*/ 376676 h 1797752"/>
                        <a:gd name="connsiteX2" fmla="*/ 9496 w 2216508"/>
                        <a:gd name="connsiteY2" fmla="*/ 1797752 h 1797752"/>
                        <a:gd name="connsiteX3" fmla="*/ 0 w 2216508"/>
                        <a:gd name="connsiteY3" fmla="*/ 1242827 h 1797752"/>
                        <a:gd name="connsiteX4" fmla="*/ 2215299 w 2216508"/>
                        <a:gd name="connsiteY4" fmla="*/ 0 h 1797752"/>
                        <a:gd name="connsiteX0" fmla="*/ 2212759 w 2213968"/>
                        <a:gd name="connsiteY0" fmla="*/ 0 h 1797752"/>
                        <a:gd name="connsiteX1" fmla="*/ 2213968 w 2213968"/>
                        <a:gd name="connsiteY1" fmla="*/ 376676 h 1797752"/>
                        <a:gd name="connsiteX2" fmla="*/ 6956 w 2213968"/>
                        <a:gd name="connsiteY2" fmla="*/ 1797752 h 1797752"/>
                        <a:gd name="connsiteX3" fmla="*/ 0 w 2213968"/>
                        <a:gd name="connsiteY3" fmla="*/ 1242827 h 1797752"/>
                        <a:gd name="connsiteX4" fmla="*/ 2212759 w 2213968"/>
                        <a:gd name="connsiteY4" fmla="*/ 0 h 1797752"/>
                        <a:gd name="connsiteX0" fmla="*/ 2212759 w 2213968"/>
                        <a:gd name="connsiteY0" fmla="*/ 0 h 1797752"/>
                        <a:gd name="connsiteX1" fmla="*/ 2213968 w 2213968"/>
                        <a:gd name="connsiteY1" fmla="*/ 376676 h 1797752"/>
                        <a:gd name="connsiteX2" fmla="*/ 6956 w 2213968"/>
                        <a:gd name="connsiteY2" fmla="*/ 1797752 h 1797752"/>
                        <a:gd name="connsiteX3" fmla="*/ 0 w 2213968"/>
                        <a:gd name="connsiteY3" fmla="*/ 1242827 h 1797752"/>
                        <a:gd name="connsiteX4" fmla="*/ 2212759 w 2213968"/>
                        <a:gd name="connsiteY4" fmla="*/ 0 h 1797752"/>
                        <a:gd name="connsiteX0" fmla="*/ 2212759 w 2213968"/>
                        <a:gd name="connsiteY0" fmla="*/ 0 h 1797752"/>
                        <a:gd name="connsiteX1" fmla="*/ 2213968 w 2213968"/>
                        <a:gd name="connsiteY1" fmla="*/ 376676 h 1797752"/>
                        <a:gd name="connsiteX2" fmla="*/ 6956 w 2213968"/>
                        <a:gd name="connsiteY2" fmla="*/ 1797752 h 1797752"/>
                        <a:gd name="connsiteX3" fmla="*/ 0 w 2213968"/>
                        <a:gd name="connsiteY3" fmla="*/ 1242827 h 1797752"/>
                        <a:gd name="connsiteX4" fmla="*/ 2212759 w 2213968"/>
                        <a:gd name="connsiteY4" fmla="*/ 0 h 1797752"/>
                        <a:gd name="connsiteX0" fmla="*/ 2212759 w 2213968"/>
                        <a:gd name="connsiteY0" fmla="*/ 0 h 1797752"/>
                        <a:gd name="connsiteX1" fmla="*/ 2213968 w 2213968"/>
                        <a:gd name="connsiteY1" fmla="*/ 376676 h 1797752"/>
                        <a:gd name="connsiteX2" fmla="*/ 6956 w 2213968"/>
                        <a:gd name="connsiteY2" fmla="*/ 1797752 h 1797752"/>
                        <a:gd name="connsiteX3" fmla="*/ 0 w 2213968"/>
                        <a:gd name="connsiteY3" fmla="*/ 1242827 h 1797752"/>
                        <a:gd name="connsiteX4" fmla="*/ 2212759 w 2213968"/>
                        <a:gd name="connsiteY4" fmla="*/ 0 h 1797752"/>
                        <a:gd name="connsiteX0" fmla="*/ 2212759 w 2213968"/>
                        <a:gd name="connsiteY0" fmla="*/ 0 h 1802832"/>
                        <a:gd name="connsiteX1" fmla="*/ 2213968 w 2213968"/>
                        <a:gd name="connsiteY1" fmla="*/ 376676 h 1802832"/>
                        <a:gd name="connsiteX2" fmla="*/ 6956 w 2213968"/>
                        <a:gd name="connsiteY2" fmla="*/ 1802832 h 1802832"/>
                        <a:gd name="connsiteX3" fmla="*/ 0 w 2213968"/>
                        <a:gd name="connsiteY3" fmla="*/ 1242827 h 1802832"/>
                        <a:gd name="connsiteX4" fmla="*/ 2212759 w 2213968"/>
                        <a:gd name="connsiteY4" fmla="*/ 0 h 1802832"/>
                        <a:gd name="connsiteX0" fmla="*/ 2215838 w 2217047"/>
                        <a:gd name="connsiteY0" fmla="*/ 0 h 1802832"/>
                        <a:gd name="connsiteX1" fmla="*/ 2217047 w 2217047"/>
                        <a:gd name="connsiteY1" fmla="*/ 376676 h 1802832"/>
                        <a:gd name="connsiteX2" fmla="*/ 10035 w 2217047"/>
                        <a:gd name="connsiteY2" fmla="*/ 1802832 h 1802832"/>
                        <a:gd name="connsiteX3" fmla="*/ 0 w 2217047"/>
                        <a:gd name="connsiteY3" fmla="*/ 1252063 h 1802832"/>
                        <a:gd name="connsiteX4" fmla="*/ 2215838 w 2217047"/>
                        <a:gd name="connsiteY4" fmla="*/ 0 h 1802832"/>
                        <a:gd name="connsiteX0" fmla="*/ 2215838 w 2217047"/>
                        <a:gd name="connsiteY0" fmla="*/ 0 h 1802832"/>
                        <a:gd name="connsiteX1" fmla="*/ 2217047 w 2217047"/>
                        <a:gd name="connsiteY1" fmla="*/ 376676 h 1802832"/>
                        <a:gd name="connsiteX2" fmla="*/ 10035 w 2217047"/>
                        <a:gd name="connsiteY2" fmla="*/ 1802832 h 1802832"/>
                        <a:gd name="connsiteX3" fmla="*/ 0 w 2217047"/>
                        <a:gd name="connsiteY3" fmla="*/ 1252063 h 1802832"/>
                        <a:gd name="connsiteX4" fmla="*/ 2215838 w 2217047"/>
                        <a:gd name="connsiteY4" fmla="*/ 0 h 1802832"/>
                        <a:gd name="connsiteX0" fmla="*/ 2215838 w 2217047"/>
                        <a:gd name="connsiteY0" fmla="*/ 0 h 1802832"/>
                        <a:gd name="connsiteX1" fmla="*/ 2217047 w 2217047"/>
                        <a:gd name="connsiteY1" fmla="*/ 376676 h 1802832"/>
                        <a:gd name="connsiteX2" fmla="*/ 10035 w 2217047"/>
                        <a:gd name="connsiteY2" fmla="*/ 1802832 h 1802832"/>
                        <a:gd name="connsiteX3" fmla="*/ 0 w 2217047"/>
                        <a:gd name="connsiteY3" fmla="*/ 1252063 h 1802832"/>
                        <a:gd name="connsiteX4" fmla="*/ 2215838 w 2217047"/>
                        <a:gd name="connsiteY4" fmla="*/ 0 h 1802832"/>
                        <a:gd name="connsiteX0" fmla="*/ 2215838 w 2217047"/>
                        <a:gd name="connsiteY0" fmla="*/ 0 h 1802832"/>
                        <a:gd name="connsiteX1" fmla="*/ 2217047 w 2217047"/>
                        <a:gd name="connsiteY1" fmla="*/ 376676 h 1802832"/>
                        <a:gd name="connsiteX2" fmla="*/ 10035 w 2217047"/>
                        <a:gd name="connsiteY2" fmla="*/ 1802832 h 1802832"/>
                        <a:gd name="connsiteX3" fmla="*/ 0 w 2217047"/>
                        <a:gd name="connsiteY3" fmla="*/ 1252063 h 1802832"/>
                        <a:gd name="connsiteX4" fmla="*/ 2215838 w 2217047"/>
                        <a:gd name="connsiteY4" fmla="*/ 0 h 18028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17047" h="1802832">
                          <a:moveTo>
                            <a:pt x="2215838" y="0"/>
                          </a:moveTo>
                          <a:cubicBezTo>
                            <a:pt x="2214749" y="164790"/>
                            <a:pt x="2215637" y="279341"/>
                            <a:pt x="2217047" y="376676"/>
                          </a:cubicBezTo>
                          <a:lnTo>
                            <a:pt x="10035" y="1802832"/>
                          </a:lnTo>
                          <a:cubicBezTo>
                            <a:pt x="5773" y="1711462"/>
                            <a:pt x="6263" y="1309181"/>
                            <a:pt x="0" y="1252063"/>
                          </a:cubicBezTo>
                          <a:lnTo>
                            <a:pt x="2215838" y="0"/>
                          </a:lnTo>
                          <a:close/>
                        </a:path>
                      </a:pathLst>
                    </a:custGeom>
                    <a:solidFill>
                      <a:srgbClr val="194B6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sp>
                  <p:nvSpPr>
                    <p:cNvPr id="68" name="Freeform: Shape 67">
                      <a:extLst>
                        <a:ext uri="{FF2B5EF4-FFF2-40B4-BE49-F238E27FC236}">
                          <a16:creationId xmlns:a16="http://schemas.microsoft.com/office/drawing/2014/main" id="{1DA17072-0EA6-4192-B9C0-D1AD36D89804}"/>
                        </a:ext>
                      </a:extLst>
                    </p:cNvPr>
                    <p:cNvSpPr/>
                    <p:nvPr/>
                  </p:nvSpPr>
                  <p:spPr>
                    <a:xfrm>
                      <a:off x="3498525" y="2461888"/>
                      <a:ext cx="2791746" cy="1796336"/>
                    </a:xfrm>
                    <a:custGeom>
                      <a:avLst/>
                      <a:gdLst>
                        <a:gd name="connsiteX0" fmla="*/ 2782957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2957 w 2790908"/>
                        <a:gd name="connsiteY4" fmla="*/ 1009816 h 1566407"/>
                        <a:gd name="connsiteX0" fmla="*/ 2785762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5762 w 2790908"/>
                        <a:gd name="connsiteY4" fmla="*/ 1009816 h 1566407"/>
                        <a:gd name="connsiteX0" fmla="*/ 2788567 w 2790908"/>
                        <a:gd name="connsiteY0" fmla="*/ 1004206 h 1566407"/>
                        <a:gd name="connsiteX1" fmla="*/ 2790908 w 2790908"/>
                        <a:gd name="connsiteY1" fmla="*/ 1566407 h 1566407"/>
                        <a:gd name="connsiteX2" fmla="*/ 23854 w 2790908"/>
                        <a:gd name="connsiteY2" fmla="*/ 516835 h 1566407"/>
                        <a:gd name="connsiteX3" fmla="*/ 0 w 2790908"/>
                        <a:gd name="connsiteY3" fmla="*/ 0 h 1566407"/>
                        <a:gd name="connsiteX4" fmla="*/ 2788567 w 2790908"/>
                        <a:gd name="connsiteY4" fmla="*/ 1004206 h 1566407"/>
                        <a:gd name="connsiteX0" fmla="*/ 2788567 w 2790908"/>
                        <a:gd name="connsiteY0" fmla="*/ 1004206 h 1566407"/>
                        <a:gd name="connsiteX1" fmla="*/ 2790908 w 2790908"/>
                        <a:gd name="connsiteY1" fmla="*/ 1566407 h 1566407"/>
                        <a:gd name="connsiteX2" fmla="*/ 7024 w 2790908"/>
                        <a:gd name="connsiteY2" fmla="*/ 516835 h 1566407"/>
                        <a:gd name="connsiteX3" fmla="*/ 0 w 2790908"/>
                        <a:gd name="connsiteY3" fmla="*/ 0 h 1566407"/>
                        <a:gd name="connsiteX4" fmla="*/ 2788567 w 2790908"/>
                        <a:gd name="connsiteY4" fmla="*/ 1004206 h 1566407"/>
                        <a:gd name="connsiteX0" fmla="*/ 2782957 w 2785298"/>
                        <a:gd name="connsiteY0" fmla="*/ 1009816 h 1572017"/>
                        <a:gd name="connsiteX1" fmla="*/ 2785298 w 2785298"/>
                        <a:gd name="connsiteY1" fmla="*/ 1572017 h 1572017"/>
                        <a:gd name="connsiteX2" fmla="*/ 1414 w 2785298"/>
                        <a:gd name="connsiteY2" fmla="*/ 522445 h 1572017"/>
                        <a:gd name="connsiteX3" fmla="*/ 0 w 2785298"/>
                        <a:gd name="connsiteY3" fmla="*/ 0 h 1572017"/>
                        <a:gd name="connsiteX4" fmla="*/ 2782957 w 2785298"/>
                        <a:gd name="connsiteY4" fmla="*/ 1009816 h 1572017"/>
                        <a:gd name="connsiteX0" fmla="*/ 2782091 w 2784432"/>
                        <a:gd name="connsiteY0" fmla="*/ 1012621 h 1574822"/>
                        <a:gd name="connsiteX1" fmla="*/ 2784432 w 2784432"/>
                        <a:gd name="connsiteY1" fmla="*/ 1574822 h 1574822"/>
                        <a:gd name="connsiteX2" fmla="*/ 548 w 2784432"/>
                        <a:gd name="connsiteY2" fmla="*/ 525250 h 1574822"/>
                        <a:gd name="connsiteX3" fmla="*/ 1939 w 2784432"/>
                        <a:gd name="connsiteY3" fmla="*/ 0 h 1574822"/>
                        <a:gd name="connsiteX4" fmla="*/ 2782091 w 2784432"/>
                        <a:gd name="connsiteY4" fmla="*/ 1012621 h 1574822"/>
                        <a:gd name="connsiteX0" fmla="*/ 2781862 w 2784203"/>
                        <a:gd name="connsiteY0" fmla="*/ 1007289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07289 h 1569490"/>
                        <a:gd name="connsiteX0" fmla="*/ 2781862 w 2784203"/>
                        <a:gd name="connsiteY0" fmla="*/ 1017953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17953 h 1569490"/>
                        <a:gd name="connsiteX0" fmla="*/ 2774820 w 2777161"/>
                        <a:gd name="connsiteY0" fmla="*/ 1017953 h 1569490"/>
                        <a:gd name="connsiteX1" fmla="*/ 2777161 w 2777161"/>
                        <a:gd name="connsiteY1" fmla="*/ 1569490 h 1569490"/>
                        <a:gd name="connsiteX2" fmla="*/ 3941 w 2777161"/>
                        <a:gd name="connsiteY2" fmla="*/ 517252 h 1569490"/>
                        <a:gd name="connsiteX3" fmla="*/ 0 w 2777161"/>
                        <a:gd name="connsiteY3" fmla="*/ 0 h 1569490"/>
                        <a:gd name="connsiteX4" fmla="*/ 2774820 w 2777161"/>
                        <a:gd name="connsiteY4" fmla="*/ 1017953 h 1569490"/>
                        <a:gd name="connsiteX0" fmla="*/ 2774820 w 2779827"/>
                        <a:gd name="connsiteY0" fmla="*/ 1017953 h 1582819"/>
                        <a:gd name="connsiteX1" fmla="*/ 2779827 w 2779827"/>
                        <a:gd name="connsiteY1" fmla="*/ 1582819 h 1582819"/>
                        <a:gd name="connsiteX2" fmla="*/ 3941 w 2779827"/>
                        <a:gd name="connsiteY2" fmla="*/ 517252 h 1582819"/>
                        <a:gd name="connsiteX3" fmla="*/ 0 w 2779827"/>
                        <a:gd name="connsiteY3" fmla="*/ 0 h 1582819"/>
                        <a:gd name="connsiteX4" fmla="*/ 2774820 w 2779827"/>
                        <a:gd name="connsiteY4" fmla="*/ 1017953 h 1582819"/>
                        <a:gd name="connsiteX0" fmla="*/ 2783235 w 2783513"/>
                        <a:gd name="connsiteY0" fmla="*/ 1020758 h 1582819"/>
                        <a:gd name="connsiteX1" fmla="*/ 2779827 w 2783513"/>
                        <a:gd name="connsiteY1" fmla="*/ 1582819 h 1582819"/>
                        <a:gd name="connsiteX2" fmla="*/ 3941 w 2783513"/>
                        <a:gd name="connsiteY2" fmla="*/ 517252 h 1582819"/>
                        <a:gd name="connsiteX3" fmla="*/ 0 w 2783513"/>
                        <a:gd name="connsiteY3" fmla="*/ 0 h 1582819"/>
                        <a:gd name="connsiteX4" fmla="*/ 2783235 w 2783513"/>
                        <a:gd name="connsiteY4" fmla="*/ 1020758 h 1582819"/>
                        <a:gd name="connsiteX0" fmla="*/ 2783235 w 2788242"/>
                        <a:gd name="connsiteY0" fmla="*/ 1020758 h 1582819"/>
                        <a:gd name="connsiteX1" fmla="*/ 2788242 w 2788242"/>
                        <a:gd name="connsiteY1" fmla="*/ 1582819 h 1582819"/>
                        <a:gd name="connsiteX2" fmla="*/ 3941 w 2788242"/>
                        <a:gd name="connsiteY2" fmla="*/ 517252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5829 w 2790836"/>
                        <a:gd name="connsiteY0" fmla="*/ 1020758 h 1582819"/>
                        <a:gd name="connsiteX1" fmla="*/ 2790836 w 2790836"/>
                        <a:gd name="connsiteY1" fmla="*/ 1582819 h 1582819"/>
                        <a:gd name="connsiteX2" fmla="*/ 499 w 2790836"/>
                        <a:gd name="connsiteY2" fmla="*/ 419372 h 1582819"/>
                        <a:gd name="connsiteX3" fmla="*/ 2594 w 2790836"/>
                        <a:gd name="connsiteY3" fmla="*/ 0 h 1582819"/>
                        <a:gd name="connsiteX4" fmla="*/ 2785829 w 2790836"/>
                        <a:gd name="connsiteY4" fmla="*/ 1020758 h 1582819"/>
                        <a:gd name="connsiteX0" fmla="*/ 2786253 w 2791260"/>
                        <a:gd name="connsiteY0" fmla="*/ 1017740 h 1579801"/>
                        <a:gd name="connsiteX1" fmla="*/ 2791260 w 2791260"/>
                        <a:gd name="connsiteY1" fmla="*/ 1579801 h 1579801"/>
                        <a:gd name="connsiteX2" fmla="*/ 923 w 2791260"/>
                        <a:gd name="connsiteY2" fmla="*/ 416354 h 1579801"/>
                        <a:gd name="connsiteX3" fmla="*/ 0 w 2791260"/>
                        <a:gd name="connsiteY3" fmla="*/ 0 h 1579801"/>
                        <a:gd name="connsiteX4" fmla="*/ 2786253 w 2791260"/>
                        <a:gd name="connsiteY4" fmla="*/ 1017740 h 1579801"/>
                        <a:gd name="connsiteX0" fmla="*/ 2785615 w 2790622"/>
                        <a:gd name="connsiteY0" fmla="*/ 1210729 h 1772790"/>
                        <a:gd name="connsiteX1" fmla="*/ 2790622 w 2790622"/>
                        <a:gd name="connsiteY1" fmla="*/ 1772790 h 1772790"/>
                        <a:gd name="connsiteX2" fmla="*/ 285 w 2790622"/>
                        <a:gd name="connsiteY2" fmla="*/ 609343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77063 w 2782070"/>
                        <a:gd name="connsiteY0" fmla="*/ 1210729 h 1772790"/>
                        <a:gd name="connsiteX1" fmla="*/ 2782070 w 2782070"/>
                        <a:gd name="connsiteY1" fmla="*/ 1772790 h 1772790"/>
                        <a:gd name="connsiteX2" fmla="*/ 4048 w 2782070"/>
                        <a:gd name="connsiteY2" fmla="*/ 324547 h 1772790"/>
                        <a:gd name="connsiteX3" fmla="*/ 0 w 2782070"/>
                        <a:gd name="connsiteY3" fmla="*/ 0 h 1772790"/>
                        <a:gd name="connsiteX4" fmla="*/ 2777063 w 2782070"/>
                        <a:gd name="connsiteY4" fmla="*/ 1210729 h 1772790"/>
                        <a:gd name="connsiteX0" fmla="*/ 2777063 w 2782070"/>
                        <a:gd name="connsiteY0" fmla="*/ 1210729 h 1772790"/>
                        <a:gd name="connsiteX1" fmla="*/ 2782070 w 2782070"/>
                        <a:gd name="connsiteY1" fmla="*/ 1772790 h 1772790"/>
                        <a:gd name="connsiteX2" fmla="*/ 4048 w 2782070"/>
                        <a:gd name="connsiteY2" fmla="*/ 324547 h 1772790"/>
                        <a:gd name="connsiteX3" fmla="*/ 0 w 2782070"/>
                        <a:gd name="connsiteY3" fmla="*/ 0 h 1772790"/>
                        <a:gd name="connsiteX4" fmla="*/ 2777063 w 2782070"/>
                        <a:gd name="connsiteY4" fmla="*/ 1210729 h 1772790"/>
                        <a:gd name="connsiteX0" fmla="*/ 2777063 w 2782070"/>
                        <a:gd name="connsiteY0" fmla="*/ 1238543 h 1800604"/>
                        <a:gd name="connsiteX1" fmla="*/ 2782070 w 2782070"/>
                        <a:gd name="connsiteY1" fmla="*/ 1800604 h 1800604"/>
                        <a:gd name="connsiteX2" fmla="*/ 4048 w 2782070"/>
                        <a:gd name="connsiteY2" fmla="*/ 352361 h 1800604"/>
                        <a:gd name="connsiteX3" fmla="*/ 0 w 2782070"/>
                        <a:gd name="connsiteY3" fmla="*/ 0 h 1800604"/>
                        <a:gd name="connsiteX4" fmla="*/ 2777063 w 2782070"/>
                        <a:gd name="connsiteY4" fmla="*/ 1238543 h 1800604"/>
                        <a:gd name="connsiteX0" fmla="*/ 2784320 w 2789327"/>
                        <a:gd name="connsiteY0" fmla="*/ 1236124 h 1798185"/>
                        <a:gd name="connsiteX1" fmla="*/ 2789327 w 2789327"/>
                        <a:gd name="connsiteY1" fmla="*/ 1798185 h 1798185"/>
                        <a:gd name="connsiteX2" fmla="*/ 11305 w 2789327"/>
                        <a:gd name="connsiteY2" fmla="*/ 349942 h 1798185"/>
                        <a:gd name="connsiteX3" fmla="*/ 0 w 2789327"/>
                        <a:gd name="connsiteY3" fmla="*/ 0 h 1798185"/>
                        <a:gd name="connsiteX4" fmla="*/ 2784320 w 2789327"/>
                        <a:gd name="connsiteY4" fmla="*/ 1236124 h 1798185"/>
                        <a:gd name="connsiteX0" fmla="*/ 2785706 w 2790713"/>
                        <a:gd name="connsiteY0" fmla="*/ 1236124 h 1798185"/>
                        <a:gd name="connsiteX1" fmla="*/ 2790713 w 2790713"/>
                        <a:gd name="connsiteY1" fmla="*/ 1798185 h 1798185"/>
                        <a:gd name="connsiteX2" fmla="*/ 596 w 2790713"/>
                        <a:gd name="connsiteY2" fmla="*/ 347523 h 1798185"/>
                        <a:gd name="connsiteX3" fmla="*/ 1386 w 2790713"/>
                        <a:gd name="connsiteY3" fmla="*/ 0 h 1798185"/>
                        <a:gd name="connsiteX4" fmla="*/ 2785706 w 2790713"/>
                        <a:gd name="connsiteY4" fmla="*/ 1236124 h 1798185"/>
                        <a:gd name="connsiteX0" fmla="*/ 2789158 w 2794165"/>
                        <a:gd name="connsiteY0" fmla="*/ 1233705 h 1795766"/>
                        <a:gd name="connsiteX1" fmla="*/ 2794165 w 2794165"/>
                        <a:gd name="connsiteY1" fmla="*/ 1795766 h 1795766"/>
                        <a:gd name="connsiteX2" fmla="*/ 4048 w 2794165"/>
                        <a:gd name="connsiteY2" fmla="*/ 345104 h 1795766"/>
                        <a:gd name="connsiteX3" fmla="*/ 0 w 2794165"/>
                        <a:gd name="connsiteY3" fmla="*/ 0 h 1795766"/>
                        <a:gd name="connsiteX4" fmla="*/ 2789158 w 2794165"/>
                        <a:gd name="connsiteY4" fmla="*/ 1233705 h 1795766"/>
                        <a:gd name="connsiteX0" fmla="*/ 2789158 w 2794165"/>
                        <a:gd name="connsiteY0" fmla="*/ 1239037 h 1801098"/>
                        <a:gd name="connsiteX1" fmla="*/ 2794165 w 2794165"/>
                        <a:gd name="connsiteY1" fmla="*/ 1801098 h 1801098"/>
                        <a:gd name="connsiteX2" fmla="*/ 4048 w 2794165"/>
                        <a:gd name="connsiteY2" fmla="*/ 350436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50436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50436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50436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79761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79761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79761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79761 h 1801098"/>
                        <a:gd name="connsiteX3" fmla="*/ 0 w 2794165"/>
                        <a:gd name="connsiteY3" fmla="*/ 0 h 1801098"/>
                        <a:gd name="connsiteX4" fmla="*/ 2789158 w 2794165"/>
                        <a:gd name="connsiteY4" fmla="*/ 1239037 h 1801098"/>
                        <a:gd name="connsiteX0" fmla="*/ 2789158 w 2794165"/>
                        <a:gd name="connsiteY0" fmla="*/ 1234275 h 1796336"/>
                        <a:gd name="connsiteX1" fmla="*/ 2794165 w 2794165"/>
                        <a:gd name="connsiteY1" fmla="*/ 1796336 h 1796336"/>
                        <a:gd name="connsiteX2" fmla="*/ 4048 w 2794165"/>
                        <a:gd name="connsiteY2" fmla="*/ 374999 h 1796336"/>
                        <a:gd name="connsiteX3" fmla="*/ 0 w 2794165"/>
                        <a:gd name="connsiteY3" fmla="*/ 0 h 1796336"/>
                        <a:gd name="connsiteX4" fmla="*/ 2789158 w 2794165"/>
                        <a:gd name="connsiteY4" fmla="*/ 1234275 h 1796336"/>
                        <a:gd name="connsiteX0" fmla="*/ 2789158 w 2794165"/>
                        <a:gd name="connsiteY0" fmla="*/ 1234275 h 1796336"/>
                        <a:gd name="connsiteX1" fmla="*/ 2794165 w 2794165"/>
                        <a:gd name="connsiteY1" fmla="*/ 1796336 h 1796336"/>
                        <a:gd name="connsiteX2" fmla="*/ 4048 w 2794165"/>
                        <a:gd name="connsiteY2" fmla="*/ 374999 h 1796336"/>
                        <a:gd name="connsiteX3" fmla="*/ 0 w 2794165"/>
                        <a:gd name="connsiteY3" fmla="*/ 0 h 1796336"/>
                        <a:gd name="connsiteX4" fmla="*/ 2789158 w 2794165"/>
                        <a:gd name="connsiteY4" fmla="*/ 1234275 h 1796336"/>
                        <a:gd name="connsiteX0" fmla="*/ 2789158 w 2794165"/>
                        <a:gd name="connsiteY0" fmla="*/ 1234275 h 1796336"/>
                        <a:gd name="connsiteX1" fmla="*/ 2794165 w 2794165"/>
                        <a:gd name="connsiteY1" fmla="*/ 1796336 h 1796336"/>
                        <a:gd name="connsiteX2" fmla="*/ 4048 w 2794165"/>
                        <a:gd name="connsiteY2" fmla="*/ 374999 h 1796336"/>
                        <a:gd name="connsiteX3" fmla="*/ 0 w 2794165"/>
                        <a:gd name="connsiteY3" fmla="*/ 0 h 1796336"/>
                        <a:gd name="connsiteX4" fmla="*/ 2789158 w 2794165"/>
                        <a:gd name="connsiteY4" fmla="*/ 1234275 h 1796336"/>
                        <a:gd name="connsiteX0" fmla="*/ 2789158 w 2794165"/>
                        <a:gd name="connsiteY0" fmla="*/ 1234275 h 1796336"/>
                        <a:gd name="connsiteX1" fmla="*/ 2794165 w 2794165"/>
                        <a:gd name="connsiteY1" fmla="*/ 1796336 h 1796336"/>
                        <a:gd name="connsiteX2" fmla="*/ 4048 w 2794165"/>
                        <a:gd name="connsiteY2" fmla="*/ 374999 h 1796336"/>
                        <a:gd name="connsiteX3" fmla="*/ 0 w 2794165"/>
                        <a:gd name="connsiteY3" fmla="*/ 0 h 1796336"/>
                        <a:gd name="connsiteX4" fmla="*/ 2789158 w 2794165"/>
                        <a:gd name="connsiteY4" fmla="*/ 1234275 h 1796336"/>
                        <a:gd name="connsiteX0" fmla="*/ 2785690 w 2790697"/>
                        <a:gd name="connsiteY0" fmla="*/ 1234275 h 1796336"/>
                        <a:gd name="connsiteX1" fmla="*/ 2790697 w 2790697"/>
                        <a:gd name="connsiteY1" fmla="*/ 1796336 h 1796336"/>
                        <a:gd name="connsiteX2" fmla="*/ 580 w 2790697"/>
                        <a:gd name="connsiteY2" fmla="*/ 374999 h 1796336"/>
                        <a:gd name="connsiteX3" fmla="*/ 3789 w 2790697"/>
                        <a:gd name="connsiteY3" fmla="*/ 0 h 1796336"/>
                        <a:gd name="connsiteX4" fmla="*/ 2785690 w 2790697"/>
                        <a:gd name="connsiteY4" fmla="*/ 1234275 h 1796336"/>
                        <a:gd name="connsiteX0" fmla="*/ 2783567 w 2788574"/>
                        <a:gd name="connsiteY0" fmla="*/ 1234275 h 1796336"/>
                        <a:gd name="connsiteX1" fmla="*/ 2788574 w 2788574"/>
                        <a:gd name="connsiteY1" fmla="*/ 1796336 h 1796336"/>
                        <a:gd name="connsiteX2" fmla="*/ 876 w 2788574"/>
                        <a:gd name="connsiteY2" fmla="*/ 374999 h 1796336"/>
                        <a:gd name="connsiteX3" fmla="*/ 1666 w 2788574"/>
                        <a:gd name="connsiteY3" fmla="*/ 0 h 1796336"/>
                        <a:gd name="connsiteX4" fmla="*/ 2783567 w 2788574"/>
                        <a:gd name="connsiteY4" fmla="*/ 1234275 h 1796336"/>
                        <a:gd name="connsiteX0" fmla="*/ 2783567 w 2788574"/>
                        <a:gd name="connsiteY0" fmla="*/ 1234275 h 1796336"/>
                        <a:gd name="connsiteX1" fmla="*/ 2788574 w 2788574"/>
                        <a:gd name="connsiteY1" fmla="*/ 1796336 h 1796336"/>
                        <a:gd name="connsiteX2" fmla="*/ 876 w 2788574"/>
                        <a:gd name="connsiteY2" fmla="*/ 374999 h 1796336"/>
                        <a:gd name="connsiteX3" fmla="*/ 1666 w 2788574"/>
                        <a:gd name="connsiteY3" fmla="*/ 0 h 1796336"/>
                        <a:gd name="connsiteX4" fmla="*/ 2783567 w 2788574"/>
                        <a:gd name="connsiteY4" fmla="*/ 1234275 h 1796336"/>
                        <a:gd name="connsiteX0" fmla="*/ 2783036 w 2788043"/>
                        <a:gd name="connsiteY0" fmla="*/ 1185894 h 1747955"/>
                        <a:gd name="connsiteX1" fmla="*/ 2788043 w 2788043"/>
                        <a:gd name="connsiteY1" fmla="*/ 1747955 h 1747955"/>
                        <a:gd name="connsiteX2" fmla="*/ 345 w 2788043"/>
                        <a:gd name="connsiteY2" fmla="*/ 326618 h 1747955"/>
                        <a:gd name="connsiteX3" fmla="*/ 8392 w 2788043"/>
                        <a:gd name="connsiteY3" fmla="*/ 0 h 1747955"/>
                        <a:gd name="connsiteX4" fmla="*/ 2783036 w 2788043"/>
                        <a:gd name="connsiteY4" fmla="*/ 1185894 h 1747955"/>
                        <a:gd name="connsiteX0" fmla="*/ 2786739 w 2791746"/>
                        <a:gd name="connsiteY0" fmla="*/ 1234275 h 1796336"/>
                        <a:gd name="connsiteX1" fmla="*/ 2791746 w 2791746"/>
                        <a:gd name="connsiteY1" fmla="*/ 1796336 h 1796336"/>
                        <a:gd name="connsiteX2" fmla="*/ 4048 w 2791746"/>
                        <a:gd name="connsiteY2" fmla="*/ 374999 h 1796336"/>
                        <a:gd name="connsiteX3" fmla="*/ 0 w 2791746"/>
                        <a:gd name="connsiteY3" fmla="*/ 0 h 1796336"/>
                        <a:gd name="connsiteX4" fmla="*/ 2786739 w 2791746"/>
                        <a:gd name="connsiteY4" fmla="*/ 1234275 h 179633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91746" h="1796336">
                          <a:moveTo>
                            <a:pt x="2786739" y="1234275"/>
                          </a:moveTo>
                          <a:cubicBezTo>
                            <a:pt x="2788454" y="1419805"/>
                            <a:pt x="2790031" y="1610806"/>
                            <a:pt x="2791746" y="1796336"/>
                          </a:cubicBezTo>
                          <a:cubicBezTo>
                            <a:pt x="2097990" y="1413577"/>
                            <a:pt x="63504" y="400261"/>
                            <a:pt x="4048" y="374999"/>
                          </a:cubicBezTo>
                          <a:cubicBezTo>
                            <a:pt x="1707" y="320020"/>
                            <a:pt x="-40" y="143763"/>
                            <a:pt x="0" y="0"/>
                          </a:cubicBezTo>
                          <a:cubicBezTo>
                            <a:pt x="237509" y="95231"/>
                            <a:pt x="1857020" y="822850"/>
                            <a:pt x="2786739" y="1234275"/>
                          </a:cubicBezTo>
                          <a:close/>
                        </a:path>
                      </a:pathLst>
                    </a:custGeom>
                    <a:solidFill>
                      <a:srgbClr val="3A677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grpSp>
              <p:sp>
                <p:nvSpPr>
                  <p:cNvPr id="65" name="TextBox 64">
                    <a:extLst>
                      <a:ext uri="{FF2B5EF4-FFF2-40B4-BE49-F238E27FC236}">
                        <a16:creationId xmlns:a16="http://schemas.microsoft.com/office/drawing/2014/main" id="{D2C0C955-14D7-42CF-8A45-BC1CB3DE8E62}"/>
                      </a:ext>
                    </a:extLst>
                  </p:cNvPr>
                  <p:cNvSpPr txBox="1"/>
                  <p:nvPr/>
                </p:nvSpPr>
                <p:spPr>
                  <a:xfrm rot="21442359">
                    <a:off x="3697175" y="5956436"/>
                    <a:ext cx="309082" cy="39512"/>
                  </a:xfrm>
                  <a:prstGeom prst="rect">
                    <a:avLst/>
                  </a:prstGeom>
                  <a:noFill/>
                  <a:scene3d>
                    <a:camera prst="orthographicFront">
                      <a:rot lat="19203907" lon="19660201" rev="21215137"/>
                    </a:camera>
                    <a:lightRig rig="threePt" dir="t"/>
                  </a:scene3d>
                </p:spPr>
                <p:txBody>
                  <a:bodyPr wrap="square" lIns="0" tIns="0" rIns="0" bIns="0" rtlCol="0">
                    <a:spAutoFit/>
                  </a:bodyPr>
                  <a:lstStyle/>
                  <a:p>
                    <a:pPr marL="0" marR="0" lvl="0" indent="0" algn="ctr" defTabSz="914333" rtl="0" eaLnBrk="1" fontAlgn="auto" latinLnBrk="0" hangingPunct="1">
                      <a:lnSpc>
                        <a:spcPct val="100000"/>
                      </a:lnSpc>
                      <a:spcBef>
                        <a:spcPts val="0"/>
                      </a:spcBef>
                      <a:spcAft>
                        <a:spcPts val="0"/>
                      </a:spcAft>
                      <a:buClrTx/>
                      <a:buSzTx/>
                      <a:buFontTx/>
                      <a:buNone/>
                      <a:tabLst/>
                      <a:defRPr/>
                    </a:pPr>
                    <a:r>
                      <a:rPr kumimoji="0" lang="en-GB" sz="400" b="0" i="0" u="none" strike="noStrike" kern="1200" cap="none" spc="0" normalizeH="0" baseline="0" noProof="0">
                        <a:ln>
                          <a:noFill/>
                        </a:ln>
                        <a:solidFill>
                          <a:prstClr val="white"/>
                        </a:solidFill>
                        <a:effectLst/>
                        <a:uLnTx/>
                        <a:uFillTx/>
                        <a:latin typeface="Open Sans"/>
                        <a:ea typeface="+mn-ea"/>
                        <a:cs typeface="+mn-cs"/>
                      </a:rPr>
                      <a:t>PLATFORM</a:t>
                    </a:r>
                    <a:endParaRPr lang="en-GB"/>
                  </a:p>
                </p:txBody>
              </p:sp>
            </p:grpSp>
          </p:grpSp>
          <p:grpSp>
            <p:nvGrpSpPr>
              <p:cNvPr id="38" name="Group 37">
                <a:extLst>
                  <a:ext uri="{FF2B5EF4-FFF2-40B4-BE49-F238E27FC236}">
                    <a16:creationId xmlns:a16="http://schemas.microsoft.com/office/drawing/2014/main" id="{A2BD8F83-4A02-46CD-94EB-DA304F291A65}"/>
                  </a:ext>
                </a:extLst>
              </p:cNvPr>
              <p:cNvGrpSpPr/>
              <p:nvPr/>
            </p:nvGrpSpPr>
            <p:grpSpPr>
              <a:xfrm>
                <a:off x="1142040" y="3532246"/>
                <a:ext cx="1485152" cy="682886"/>
                <a:chOff x="3592544" y="5564653"/>
                <a:chExt cx="953273" cy="438323"/>
              </a:xfrm>
            </p:grpSpPr>
            <p:grpSp>
              <p:nvGrpSpPr>
                <p:cNvPr id="57" name="Group 56">
                  <a:extLst>
                    <a:ext uri="{FF2B5EF4-FFF2-40B4-BE49-F238E27FC236}">
                      <a16:creationId xmlns:a16="http://schemas.microsoft.com/office/drawing/2014/main" id="{5DD573B0-2300-4BEB-8A7D-B34699DC9D93}"/>
                    </a:ext>
                  </a:extLst>
                </p:cNvPr>
                <p:cNvGrpSpPr/>
                <p:nvPr/>
              </p:nvGrpSpPr>
              <p:grpSpPr>
                <a:xfrm>
                  <a:off x="3592544" y="5564653"/>
                  <a:ext cx="953273" cy="438323"/>
                  <a:chOff x="3495305" y="1958343"/>
                  <a:chExt cx="5001827" cy="2299880"/>
                </a:xfrm>
              </p:grpSpPr>
              <p:sp>
                <p:nvSpPr>
                  <p:cNvPr id="59" name="Freeform: Shape 58">
                    <a:extLst>
                      <a:ext uri="{FF2B5EF4-FFF2-40B4-BE49-F238E27FC236}">
                        <a16:creationId xmlns:a16="http://schemas.microsoft.com/office/drawing/2014/main" id="{C882674C-7D6A-497A-ACBA-49CB509C394E}"/>
                      </a:ext>
                    </a:extLst>
                  </p:cNvPr>
                  <p:cNvSpPr/>
                  <p:nvPr/>
                </p:nvSpPr>
                <p:spPr>
                  <a:xfrm>
                    <a:off x="3495305" y="1958343"/>
                    <a:ext cx="4997355" cy="1745900"/>
                  </a:xfrm>
                  <a:custGeom>
                    <a:avLst/>
                    <a:gdLst>
                      <a:gd name="connsiteX0" fmla="*/ 2305879 w 5041127"/>
                      <a:gd name="connsiteY0" fmla="*/ 0 h 1956021"/>
                      <a:gd name="connsiteX1" fmla="*/ 5041127 w 5041127"/>
                      <a:gd name="connsiteY1" fmla="*/ 826936 h 1956021"/>
                      <a:gd name="connsiteX2" fmla="*/ 2782957 w 5041127"/>
                      <a:gd name="connsiteY2" fmla="*/ 1956021 h 1956021"/>
                      <a:gd name="connsiteX3" fmla="*/ 0 w 5041127"/>
                      <a:gd name="connsiteY3" fmla="*/ 954157 h 1956021"/>
                      <a:gd name="connsiteX4" fmla="*/ 2305879 w 5041127"/>
                      <a:gd name="connsiteY4" fmla="*/ 0 h 1956021"/>
                      <a:gd name="connsiteX0" fmla="*/ 2305879 w 5018688"/>
                      <a:gd name="connsiteY0" fmla="*/ 0 h 1956021"/>
                      <a:gd name="connsiteX1" fmla="*/ 5018688 w 5018688"/>
                      <a:gd name="connsiteY1" fmla="*/ 829741 h 1956021"/>
                      <a:gd name="connsiteX2" fmla="*/ 2782957 w 5018688"/>
                      <a:gd name="connsiteY2" fmla="*/ 1956021 h 1956021"/>
                      <a:gd name="connsiteX3" fmla="*/ 0 w 5018688"/>
                      <a:gd name="connsiteY3" fmla="*/ 954157 h 1956021"/>
                      <a:gd name="connsiteX4" fmla="*/ 2305879 w 5018688"/>
                      <a:gd name="connsiteY4" fmla="*/ 0 h 1956021"/>
                      <a:gd name="connsiteX0" fmla="*/ 2305879 w 5018688"/>
                      <a:gd name="connsiteY0" fmla="*/ 0 h 1956021"/>
                      <a:gd name="connsiteX1" fmla="*/ 5018688 w 5018688"/>
                      <a:gd name="connsiteY1" fmla="*/ 835351 h 1956021"/>
                      <a:gd name="connsiteX2" fmla="*/ 2782957 w 5018688"/>
                      <a:gd name="connsiteY2" fmla="*/ 1956021 h 1956021"/>
                      <a:gd name="connsiteX3" fmla="*/ 0 w 5018688"/>
                      <a:gd name="connsiteY3" fmla="*/ 954157 h 1956021"/>
                      <a:gd name="connsiteX4" fmla="*/ 2305879 w 5018688"/>
                      <a:gd name="connsiteY4" fmla="*/ 0 h 1956021"/>
                      <a:gd name="connsiteX0" fmla="*/ 2303074 w 5015883"/>
                      <a:gd name="connsiteY0" fmla="*/ 0 h 1956021"/>
                      <a:gd name="connsiteX1" fmla="*/ 5015883 w 5015883"/>
                      <a:gd name="connsiteY1" fmla="*/ 835351 h 1956021"/>
                      <a:gd name="connsiteX2" fmla="*/ 2780152 w 5015883"/>
                      <a:gd name="connsiteY2" fmla="*/ 1956021 h 1956021"/>
                      <a:gd name="connsiteX3" fmla="*/ 0 w 5015883"/>
                      <a:gd name="connsiteY3" fmla="*/ 937327 h 1956021"/>
                      <a:gd name="connsiteX4" fmla="*/ 2303074 w 5015883"/>
                      <a:gd name="connsiteY4" fmla="*/ 0 h 1956021"/>
                      <a:gd name="connsiteX0" fmla="*/ 2303074 w 5015883"/>
                      <a:gd name="connsiteY0" fmla="*/ 0 h 1964436"/>
                      <a:gd name="connsiteX1" fmla="*/ 5015883 w 5015883"/>
                      <a:gd name="connsiteY1" fmla="*/ 835351 h 1964436"/>
                      <a:gd name="connsiteX2" fmla="*/ 2791372 w 5015883"/>
                      <a:gd name="connsiteY2" fmla="*/ 1964436 h 1964436"/>
                      <a:gd name="connsiteX3" fmla="*/ 0 w 5015883"/>
                      <a:gd name="connsiteY3" fmla="*/ 937327 h 1964436"/>
                      <a:gd name="connsiteX4" fmla="*/ 2303074 w 5015883"/>
                      <a:gd name="connsiteY4" fmla="*/ 0 h 1964436"/>
                      <a:gd name="connsiteX0" fmla="*/ 2303074 w 5009847"/>
                      <a:gd name="connsiteY0" fmla="*/ 0 h 1964436"/>
                      <a:gd name="connsiteX1" fmla="*/ 5009847 w 5009847"/>
                      <a:gd name="connsiteY1" fmla="*/ 874583 h 1964436"/>
                      <a:gd name="connsiteX2" fmla="*/ 2791372 w 5009847"/>
                      <a:gd name="connsiteY2" fmla="*/ 1964436 h 1964436"/>
                      <a:gd name="connsiteX3" fmla="*/ 0 w 5009847"/>
                      <a:gd name="connsiteY3" fmla="*/ 937327 h 1964436"/>
                      <a:gd name="connsiteX4" fmla="*/ 2303074 w 5009847"/>
                      <a:gd name="connsiteY4" fmla="*/ 0 h 1964436"/>
                      <a:gd name="connsiteX0" fmla="*/ 2320327 w 5009847"/>
                      <a:gd name="connsiteY0" fmla="*/ 0 h 1860919"/>
                      <a:gd name="connsiteX1" fmla="*/ 5009847 w 5009847"/>
                      <a:gd name="connsiteY1" fmla="*/ 771066 h 1860919"/>
                      <a:gd name="connsiteX2" fmla="*/ 2791372 w 5009847"/>
                      <a:gd name="connsiteY2" fmla="*/ 1860919 h 1860919"/>
                      <a:gd name="connsiteX3" fmla="*/ 0 w 5009847"/>
                      <a:gd name="connsiteY3" fmla="*/ 833810 h 1860919"/>
                      <a:gd name="connsiteX4" fmla="*/ 2320327 w 5009847"/>
                      <a:gd name="connsiteY4" fmla="*/ 0 h 1860919"/>
                      <a:gd name="connsiteX0" fmla="*/ 2331829 w 5009847"/>
                      <a:gd name="connsiteY0" fmla="*/ 0 h 1745900"/>
                      <a:gd name="connsiteX1" fmla="*/ 5009847 w 5009847"/>
                      <a:gd name="connsiteY1" fmla="*/ 656047 h 1745900"/>
                      <a:gd name="connsiteX2" fmla="*/ 2791372 w 5009847"/>
                      <a:gd name="connsiteY2" fmla="*/ 1745900 h 1745900"/>
                      <a:gd name="connsiteX3" fmla="*/ 0 w 5009847"/>
                      <a:gd name="connsiteY3" fmla="*/ 718791 h 1745900"/>
                      <a:gd name="connsiteX4" fmla="*/ 2331829 w 5009847"/>
                      <a:gd name="connsiteY4" fmla="*/ 0 h 1745900"/>
                      <a:gd name="connsiteX0" fmla="*/ 2331829 w 4997355"/>
                      <a:gd name="connsiteY0" fmla="*/ 0 h 1745900"/>
                      <a:gd name="connsiteX1" fmla="*/ 4997355 w 4997355"/>
                      <a:gd name="connsiteY1" fmla="*/ 668539 h 1745900"/>
                      <a:gd name="connsiteX2" fmla="*/ 2791372 w 4997355"/>
                      <a:gd name="connsiteY2" fmla="*/ 1745900 h 1745900"/>
                      <a:gd name="connsiteX3" fmla="*/ 0 w 4997355"/>
                      <a:gd name="connsiteY3" fmla="*/ 718791 h 1745900"/>
                      <a:gd name="connsiteX4" fmla="*/ 2331829 w 4997355"/>
                      <a:gd name="connsiteY4" fmla="*/ 0 h 1745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997355" h="1745900">
                        <a:moveTo>
                          <a:pt x="2331829" y="0"/>
                        </a:moveTo>
                        <a:lnTo>
                          <a:pt x="4997355" y="668539"/>
                        </a:lnTo>
                        <a:lnTo>
                          <a:pt x="2791372" y="1745900"/>
                        </a:lnTo>
                        <a:lnTo>
                          <a:pt x="0" y="718791"/>
                        </a:lnTo>
                        <a:lnTo>
                          <a:pt x="2331829" y="0"/>
                        </a:lnTo>
                        <a:close/>
                      </a:path>
                    </a:pathLst>
                  </a:custGeom>
                  <a:solidFill>
                    <a:srgbClr val="1E9F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sp>
                <p:nvSpPr>
                  <p:cNvPr id="60" name="Freeform: Shape 59">
                    <a:extLst>
                      <a:ext uri="{FF2B5EF4-FFF2-40B4-BE49-F238E27FC236}">
                        <a16:creationId xmlns:a16="http://schemas.microsoft.com/office/drawing/2014/main" id="{2E4B58E3-B4C5-49C5-BDB6-E564AB4C7430}"/>
                      </a:ext>
                    </a:extLst>
                  </p:cNvPr>
                  <p:cNvSpPr/>
                  <p:nvPr/>
                </p:nvSpPr>
                <p:spPr>
                  <a:xfrm>
                    <a:off x="6282352" y="2623539"/>
                    <a:ext cx="2214780" cy="1633785"/>
                  </a:xfrm>
                  <a:custGeom>
                    <a:avLst/>
                    <a:gdLst>
                      <a:gd name="connsiteX0" fmla="*/ 2250219 w 2258170"/>
                      <a:gd name="connsiteY0" fmla="*/ 0 h 1645920"/>
                      <a:gd name="connsiteX1" fmla="*/ 2258170 w 2258170"/>
                      <a:gd name="connsiteY1" fmla="*/ 469126 h 1645920"/>
                      <a:gd name="connsiteX2" fmla="*/ 15902 w 2258170"/>
                      <a:gd name="connsiteY2" fmla="*/ 1645920 h 1645920"/>
                      <a:gd name="connsiteX3" fmla="*/ 0 w 2258170"/>
                      <a:gd name="connsiteY3" fmla="*/ 1105231 h 1645920"/>
                      <a:gd name="connsiteX4" fmla="*/ 2250219 w 2258170"/>
                      <a:gd name="connsiteY4" fmla="*/ 0 h 1645920"/>
                      <a:gd name="connsiteX0" fmla="*/ 2244609 w 2258170"/>
                      <a:gd name="connsiteY0" fmla="*/ 0 h 1671164"/>
                      <a:gd name="connsiteX1" fmla="*/ 2258170 w 2258170"/>
                      <a:gd name="connsiteY1" fmla="*/ 494370 h 1671164"/>
                      <a:gd name="connsiteX2" fmla="*/ 15902 w 2258170"/>
                      <a:gd name="connsiteY2" fmla="*/ 1671164 h 1671164"/>
                      <a:gd name="connsiteX3" fmla="*/ 0 w 2258170"/>
                      <a:gd name="connsiteY3" fmla="*/ 1130475 h 1671164"/>
                      <a:gd name="connsiteX4" fmla="*/ 2244609 w 2258170"/>
                      <a:gd name="connsiteY4" fmla="*/ 0 h 1671164"/>
                      <a:gd name="connsiteX0" fmla="*/ 2244609 w 2244609"/>
                      <a:gd name="connsiteY0" fmla="*/ 0 h 1671164"/>
                      <a:gd name="connsiteX1" fmla="*/ 2235731 w 2244609"/>
                      <a:gd name="connsiteY1" fmla="*/ 494370 h 1671164"/>
                      <a:gd name="connsiteX2" fmla="*/ 15902 w 2244609"/>
                      <a:gd name="connsiteY2" fmla="*/ 1671164 h 1671164"/>
                      <a:gd name="connsiteX3" fmla="*/ 0 w 2244609"/>
                      <a:gd name="connsiteY3" fmla="*/ 1130475 h 1671164"/>
                      <a:gd name="connsiteX4" fmla="*/ 2244609 w 2244609"/>
                      <a:gd name="connsiteY4" fmla="*/ 0 h 1671164"/>
                      <a:gd name="connsiteX0" fmla="*/ 2244609 w 2244609"/>
                      <a:gd name="connsiteY0" fmla="*/ 0 h 1682383"/>
                      <a:gd name="connsiteX1" fmla="*/ 2235731 w 2244609"/>
                      <a:gd name="connsiteY1" fmla="*/ 494370 h 1682383"/>
                      <a:gd name="connsiteX2" fmla="*/ 13097 w 2244609"/>
                      <a:gd name="connsiteY2" fmla="*/ 1682383 h 1682383"/>
                      <a:gd name="connsiteX3" fmla="*/ 0 w 2244609"/>
                      <a:gd name="connsiteY3" fmla="*/ 1130475 h 1682383"/>
                      <a:gd name="connsiteX4" fmla="*/ 2244609 w 2244609"/>
                      <a:gd name="connsiteY4" fmla="*/ 0 h 1682383"/>
                      <a:gd name="connsiteX0" fmla="*/ 2239000 w 2239000"/>
                      <a:gd name="connsiteY0" fmla="*/ 0 h 1682383"/>
                      <a:gd name="connsiteX1" fmla="*/ 2230122 w 2239000"/>
                      <a:gd name="connsiteY1" fmla="*/ 494370 h 1682383"/>
                      <a:gd name="connsiteX2" fmla="*/ 7488 w 2239000"/>
                      <a:gd name="connsiteY2" fmla="*/ 1682383 h 1682383"/>
                      <a:gd name="connsiteX3" fmla="*/ 0 w 2239000"/>
                      <a:gd name="connsiteY3" fmla="*/ 1122060 h 1682383"/>
                      <a:gd name="connsiteX4" fmla="*/ 2239000 w 2239000"/>
                      <a:gd name="connsiteY4" fmla="*/ 0 h 1682383"/>
                      <a:gd name="connsiteX0" fmla="*/ 2233390 w 2233390"/>
                      <a:gd name="connsiteY0" fmla="*/ 0 h 1682383"/>
                      <a:gd name="connsiteX1" fmla="*/ 2230122 w 2233390"/>
                      <a:gd name="connsiteY1" fmla="*/ 494370 h 1682383"/>
                      <a:gd name="connsiteX2" fmla="*/ 7488 w 2233390"/>
                      <a:gd name="connsiteY2" fmla="*/ 1682383 h 1682383"/>
                      <a:gd name="connsiteX3" fmla="*/ 0 w 2233390"/>
                      <a:gd name="connsiteY3" fmla="*/ 1122060 h 1682383"/>
                      <a:gd name="connsiteX4" fmla="*/ 2233390 w 2233390"/>
                      <a:gd name="connsiteY4" fmla="*/ 0 h 1682383"/>
                      <a:gd name="connsiteX0" fmla="*/ 2225902 w 2225902"/>
                      <a:gd name="connsiteY0" fmla="*/ 0 h 1682383"/>
                      <a:gd name="connsiteX1" fmla="*/ 2222634 w 2225902"/>
                      <a:gd name="connsiteY1" fmla="*/ 494370 h 1682383"/>
                      <a:gd name="connsiteX2" fmla="*/ 0 w 2225902"/>
                      <a:gd name="connsiteY2" fmla="*/ 1682383 h 1682383"/>
                      <a:gd name="connsiteX3" fmla="*/ 9342 w 2225902"/>
                      <a:gd name="connsiteY3" fmla="*/ 1119255 h 1682383"/>
                      <a:gd name="connsiteX4" fmla="*/ 2225902 w 2225902"/>
                      <a:gd name="connsiteY4" fmla="*/ 0 h 1682383"/>
                      <a:gd name="connsiteX0" fmla="*/ 2217487 w 2217487"/>
                      <a:gd name="connsiteY0" fmla="*/ 0 h 1679578"/>
                      <a:gd name="connsiteX1" fmla="*/ 2214219 w 2217487"/>
                      <a:gd name="connsiteY1" fmla="*/ 494370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79578"/>
                      <a:gd name="connsiteX1" fmla="*/ 2214219 w 2217487"/>
                      <a:gd name="connsiteY1" fmla="*/ 473245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43365"/>
                      <a:gd name="connsiteX1" fmla="*/ 2214219 w 2217487"/>
                      <a:gd name="connsiteY1" fmla="*/ 437032 h 1643365"/>
                      <a:gd name="connsiteX2" fmla="*/ 0 w 2217487"/>
                      <a:gd name="connsiteY2" fmla="*/ 1643365 h 1643365"/>
                      <a:gd name="connsiteX3" fmla="*/ 927 w 2217487"/>
                      <a:gd name="connsiteY3" fmla="*/ 1083042 h 1643365"/>
                      <a:gd name="connsiteX4" fmla="*/ 2217487 w 2217487"/>
                      <a:gd name="connsiteY4" fmla="*/ 0 h 1643365"/>
                      <a:gd name="connsiteX0" fmla="*/ 2217487 w 2217487"/>
                      <a:gd name="connsiteY0" fmla="*/ 0 h 1643365"/>
                      <a:gd name="connsiteX1" fmla="*/ 2214219 w 2217487"/>
                      <a:gd name="connsiteY1" fmla="*/ 437032 h 1643365"/>
                      <a:gd name="connsiteX2" fmla="*/ 0 w 2217487"/>
                      <a:gd name="connsiteY2" fmla="*/ 1643365 h 1643365"/>
                      <a:gd name="connsiteX3" fmla="*/ 40932 w 2217487"/>
                      <a:gd name="connsiteY3" fmla="*/ 1143049 h 1643365"/>
                      <a:gd name="connsiteX4" fmla="*/ 2217487 w 2217487"/>
                      <a:gd name="connsiteY4" fmla="*/ 0 h 1643365"/>
                      <a:gd name="connsiteX0" fmla="*/ 2219418 w 2219418"/>
                      <a:gd name="connsiteY0" fmla="*/ 0 h 1643365"/>
                      <a:gd name="connsiteX1" fmla="*/ 2216150 w 2219418"/>
                      <a:gd name="connsiteY1" fmla="*/ 437032 h 1643365"/>
                      <a:gd name="connsiteX2" fmla="*/ 1931 w 2219418"/>
                      <a:gd name="connsiteY2" fmla="*/ 1643365 h 1643365"/>
                      <a:gd name="connsiteX3" fmla="*/ 0 w 2219418"/>
                      <a:gd name="connsiteY3" fmla="*/ 1094472 h 1643365"/>
                      <a:gd name="connsiteX4" fmla="*/ 2219418 w 2219418"/>
                      <a:gd name="connsiteY4" fmla="*/ 0 h 1643365"/>
                      <a:gd name="connsiteX0" fmla="*/ 2225133 w 2225133"/>
                      <a:gd name="connsiteY0" fmla="*/ 0 h 1643365"/>
                      <a:gd name="connsiteX1" fmla="*/ 2221865 w 2225133"/>
                      <a:gd name="connsiteY1" fmla="*/ 437032 h 1643365"/>
                      <a:gd name="connsiteX2" fmla="*/ 7646 w 2225133"/>
                      <a:gd name="connsiteY2" fmla="*/ 1643365 h 1643365"/>
                      <a:gd name="connsiteX3" fmla="*/ 0 w 2225133"/>
                      <a:gd name="connsiteY3" fmla="*/ 1094472 h 1643365"/>
                      <a:gd name="connsiteX4" fmla="*/ 2225133 w 2225133"/>
                      <a:gd name="connsiteY4" fmla="*/ 0 h 1643365"/>
                      <a:gd name="connsiteX0" fmla="*/ 2222275 w 2222275"/>
                      <a:gd name="connsiteY0" fmla="*/ 0 h 1643365"/>
                      <a:gd name="connsiteX1" fmla="*/ 2219007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22275 w 2222275"/>
                      <a:gd name="connsiteY0" fmla="*/ 0 h 1643365"/>
                      <a:gd name="connsiteX1" fmla="*/ 2209014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22275 w 2222275"/>
                      <a:gd name="connsiteY0" fmla="*/ 0 h 1643365"/>
                      <a:gd name="connsiteX1" fmla="*/ 2209014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07285 w 2209207"/>
                      <a:gd name="connsiteY0" fmla="*/ 0 h 1630873"/>
                      <a:gd name="connsiteX1" fmla="*/ 2209014 w 2209207"/>
                      <a:gd name="connsiteY1" fmla="*/ 424540 h 1630873"/>
                      <a:gd name="connsiteX2" fmla="*/ 4788 w 2209207"/>
                      <a:gd name="connsiteY2" fmla="*/ 1630873 h 1630873"/>
                      <a:gd name="connsiteX3" fmla="*/ 0 w 2209207"/>
                      <a:gd name="connsiteY3" fmla="*/ 1073408 h 1630873"/>
                      <a:gd name="connsiteX4" fmla="*/ 2207285 w 2209207"/>
                      <a:gd name="connsiteY4" fmla="*/ 0 h 1630873"/>
                      <a:gd name="connsiteX0" fmla="*/ 2207285 w 2209207"/>
                      <a:gd name="connsiteY0" fmla="*/ 0 h 1630873"/>
                      <a:gd name="connsiteX1" fmla="*/ 2209014 w 2209207"/>
                      <a:gd name="connsiteY1" fmla="*/ 424540 h 1630873"/>
                      <a:gd name="connsiteX2" fmla="*/ 4788 w 2209207"/>
                      <a:gd name="connsiteY2" fmla="*/ 1630873 h 1630873"/>
                      <a:gd name="connsiteX3" fmla="*/ 0 w 2209207"/>
                      <a:gd name="connsiteY3" fmla="*/ 1073408 h 1630873"/>
                      <a:gd name="connsiteX4" fmla="*/ 2207285 w 2209207"/>
                      <a:gd name="connsiteY4" fmla="*/ 0 h 1630873"/>
                      <a:gd name="connsiteX0" fmla="*/ 2214780 w 2214780"/>
                      <a:gd name="connsiteY0" fmla="*/ 0 h 1630873"/>
                      <a:gd name="connsiteX1" fmla="*/ 2209014 w 2214780"/>
                      <a:gd name="connsiteY1" fmla="*/ 424540 h 1630873"/>
                      <a:gd name="connsiteX2" fmla="*/ 4788 w 2214780"/>
                      <a:gd name="connsiteY2" fmla="*/ 1630873 h 1630873"/>
                      <a:gd name="connsiteX3" fmla="*/ 0 w 2214780"/>
                      <a:gd name="connsiteY3" fmla="*/ 1073408 h 1630873"/>
                      <a:gd name="connsiteX4" fmla="*/ 2214780 w 2214780"/>
                      <a:gd name="connsiteY4" fmla="*/ 0 h 1630873"/>
                      <a:gd name="connsiteX0" fmla="*/ 2214780 w 2214780"/>
                      <a:gd name="connsiteY0" fmla="*/ 0 h 1633785"/>
                      <a:gd name="connsiteX1" fmla="*/ 2209014 w 2214780"/>
                      <a:gd name="connsiteY1" fmla="*/ 424540 h 1633785"/>
                      <a:gd name="connsiteX2" fmla="*/ 4788 w 2214780"/>
                      <a:gd name="connsiteY2" fmla="*/ 1633785 h 1633785"/>
                      <a:gd name="connsiteX3" fmla="*/ 0 w 2214780"/>
                      <a:gd name="connsiteY3" fmla="*/ 1073408 h 1633785"/>
                      <a:gd name="connsiteX4" fmla="*/ 2214780 w 2214780"/>
                      <a:gd name="connsiteY4" fmla="*/ 0 h 16337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14780" h="1633785">
                        <a:moveTo>
                          <a:pt x="2214780" y="0"/>
                        </a:moveTo>
                        <a:cubicBezTo>
                          <a:pt x="2213691" y="52363"/>
                          <a:pt x="2210103" y="377173"/>
                          <a:pt x="2209014" y="424540"/>
                        </a:cubicBezTo>
                        <a:lnTo>
                          <a:pt x="4788" y="1633785"/>
                        </a:lnTo>
                        <a:cubicBezTo>
                          <a:pt x="4144" y="1450821"/>
                          <a:pt x="644" y="1256372"/>
                          <a:pt x="0" y="1073408"/>
                        </a:cubicBezTo>
                        <a:lnTo>
                          <a:pt x="2214780" y="0"/>
                        </a:lnTo>
                        <a:close/>
                      </a:path>
                    </a:pathLst>
                  </a:custGeom>
                  <a:solidFill>
                    <a:srgbClr val="1F95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sp>
                <p:nvSpPr>
                  <p:cNvPr id="61" name="Freeform: Shape 60">
                    <a:extLst>
                      <a:ext uri="{FF2B5EF4-FFF2-40B4-BE49-F238E27FC236}">
                        <a16:creationId xmlns:a16="http://schemas.microsoft.com/office/drawing/2014/main" id="{054D7605-1B44-4B85-922A-029A1D89B522}"/>
                      </a:ext>
                    </a:extLst>
                  </p:cNvPr>
                  <p:cNvSpPr/>
                  <p:nvPr/>
                </p:nvSpPr>
                <p:spPr>
                  <a:xfrm>
                    <a:off x="3499011" y="2678422"/>
                    <a:ext cx="2791260" cy="1579801"/>
                  </a:xfrm>
                  <a:custGeom>
                    <a:avLst/>
                    <a:gdLst>
                      <a:gd name="connsiteX0" fmla="*/ 2782957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2957 w 2790908"/>
                      <a:gd name="connsiteY4" fmla="*/ 1009816 h 1566407"/>
                      <a:gd name="connsiteX0" fmla="*/ 2785762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5762 w 2790908"/>
                      <a:gd name="connsiteY4" fmla="*/ 1009816 h 1566407"/>
                      <a:gd name="connsiteX0" fmla="*/ 2788567 w 2790908"/>
                      <a:gd name="connsiteY0" fmla="*/ 1004206 h 1566407"/>
                      <a:gd name="connsiteX1" fmla="*/ 2790908 w 2790908"/>
                      <a:gd name="connsiteY1" fmla="*/ 1566407 h 1566407"/>
                      <a:gd name="connsiteX2" fmla="*/ 23854 w 2790908"/>
                      <a:gd name="connsiteY2" fmla="*/ 516835 h 1566407"/>
                      <a:gd name="connsiteX3" fmla="*/ 0 w 2790908"/>
                      <a:gd name="connsiteY3" fmla="*/ 0 h 1566407"/>
                      <a:gd name="connsiteX4" fmla="*/ 2788567 w 2790908"/>
                      <a:gd name="connsiteY4" fmla="*/ 1004206 h 1566407"/>
                      <a:gd name="connsiteX0" fmla="*/ 2788567 w 2790908"/>
                      <a:gd name="connsiteY0" fmla="*/ 1004206 h 1566407"/>
                      <a:gd name="connsiteX1" fmla="*/ 2790908 w 2790908"/>
                      <a:gd name="connsiteY1" fmla="*/ 1566407 h 1566407"/>
                      <a:gd name="connsiteX2" fmla="*/ 7024 w 2790908"/>
                      <a:gd name="connsiteY2" fmla="*/ 516835 h 1566407"/>
                      <a:gd name="connsiteX3" fmla="*/ 0 w 2790908"/>
                      <a:gd name="connsiteY3" fmla="*/ 0 h 1566407"/>
                      <a:gd name="connsiteX4" fmla="*/ 2788567 w 2790908"/>
                      <a:gd name="connsiteY4" fmla="*/ 1004206 h 1566407"/>
                      <a:gd name="connsiteX0" fmla="*/ 2782957 w 2785298"/>
                      <a:gd name="connsiteY0" fmla="*/ 1009816 h 1572017"/>
                      <a:gd name="connsiteX1" fmla="*/ 2785298 w 2785298"/>
                      <a:gd name="connsiteY1" fmla="*/ 1572017 h 1572017"/>
                      <a:gd name="connsiteX2" fmla="*/ 1414 w 2785298"/>
                      <a:gd name="connsiteY2" fmla="*/ 522445 h 1572017"/>
                      <a:gd name="connsiteX3" fmla="*/ 0 w 2785298"/>
                      <a:gd name="connsiteY3" fmla="*/ 0 h 1572017"/>
                      <a:gd name="connsiteX4" fmla="*/ 2782957 w 2785298"/>
                      <a:gd name="connsiteY4" fmla="*/ 1009816 h 1572017"/>
                      <a:gd name="connsiteX0" fmla="*/ 2782091 w 2784432"/>
                      <a:gd name="connsiteY0" fmla="*/ 1012621 h 1574822"/>
                      <a:gd name="connsiteX1" fmla="*/ 2784432 w 2784432"/>
                      <a:gd name="connsiteY1" fmla="*/ 1574822 h 1574822"/>
                      <a:gd name="connsiteX2" fmla="*/ 548 w 2784432"/>
                      <a:gd name="connsiteY2" fmla="*/ 525250 h 1574822"/>
                      <a:gd name="connsiteX3" fmla="*/ 1939 w 2784432"/>
                      <a:gd name="connsiteY3" fmla="*/ 0 h 1574822"/>
                      <a:gd name="connsiteX4" fmla="*/ 2782091 w 2784432"/>
                      <a:gd name="connsiteY4" fmla="*/ 1012621 h 1574822"/>
                      <a:gd name="connsiteX0" fmla="*/ 2781862 w 2784203"/>
                      <a:gd name="connsiteY0" fmla="*/ 1007289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07289 h 1569490"/>
                      <a:gd name="connsiteX0" fmla="*/ 2781862 w 2784203"/>
                      <a:gd name="connsiteY0" fmla="*/ 1017953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17953 h 1569490"/>
                      <a:gd name="connsiteX0" fmla="*/ 2774820 w 2777161"/>
                      <a:gd name="connsiteY0" fmla="*/ 1017953 h 1569490"/>
                      <a:gd name="connsiteX1" fmla="*/ 2777161 w 2777161"/>
                      <a:gd name="connsiteY1" fmla="*/ 1569490 h 1569490"/>
                      <a:gd name="connsiteX2" fmla="*/ 3941 w 2777161"/>
                      <a:gd name="connsiteY2" fmla="*/ 517252 h 1569490"/>
                      <a:gd name="connsiteX3" fmla="*/ 0 w 2777161"/>
                      <a:gd name="connsiteY3" fmla="*/ 0 h 1569490"/>
                      <a:gd name="connsiteX4" fmla="*/ 2774820 w 2777161"/>
                      <a:gd name="connsiteY4" fmla="*/ 1017953 h 1569490"/>
                      <a:gd name="connsiteX0" fmla="*/ 2774820 w 2779827"/>
                      <a:gd name="connsiteY0" fmla="*/ 1017953 h 1582819"/>
                      <a:gd name="connsiteX1" fmla="*/ 2779827 w 2779827"/>
                      <a:gd name="connsiteY1" fmla="*/ 1582819 h 1582819"/>
                      <a:gd name="connsiteX2" fmla="*/ 3941 w 2779827"/>
                      <a:gd name="connsiteY2" fmla="*/ 517252 h 1582819"/>
                      <a:gd name="connsiteX3" fmla="*/ 0 w 2779827"/>
                      <a:gd name="connsiteY3" fmla="*/ 0 h 1582819"/>
                      <a:gd name="connsiteX4" fmla="*/ 2774820 w 2779827"/>
                      <a:gd name="connsiteY4" fmla="*/ 1017953 h 1582819"/>
                      <a:gd name="connsiteX0" fmla="*/ 2783235 w 2783513"/>
                      <a:gd name="connsiteY0" fmla="*/ 1020758 h 1582819"/>
                      <a:gd name="connsiteX1" fmla="*/ 2779827 w 2783513"/>
                      <a:gd name="connsiteY1" fmla="*/ 1582819 h 1582819"/>
                      <a:gd name="connsiteX2" fmla="*/ 3941 w 2783513"/>
                      <a:gd name="connsiteY2" fmla="*/ 517252 h 1582819"/>
                      <a:gd name="connsiteX3" fmla="*/ 0 w 2783513"/>
                      <a:gd name="connsiteY3" fmla="*/ 0 h 1582819"/>
                      <a:gd name="connsiteX4" fmla="*/ 2783235 w 2783513"/>
                      <a:gd name="connsiteY4" fmla="*/ 1020758 h 1582819"/>
                      <a:gd name="connsiteX0" fmla="*/ 2783235 w 2788242"/>
                      <a:gd name="connsiteY0" fmla="*/ 1020758 h 1582819"/>
                      <a:gd name="connsiteX1" fmla="*/ 2788242 w 2788242"/>
                      <a:gd name="connsiteY1" fmla="*/ 1582819 h 1582819"/>
                      <a:gd name="connsiteX2" fmla="*/ 3941 w 2788242"/>
                      <a:gd name="connsiteY2" fmla="*/ 517252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5829 w 2790836"/>
                      <a:gd name="connsiteY0" fmla="*/ 1020758 h 1582819"/>
                      <a:gd name="connsiteX1" fmla="*/ 2790836 w 2790836"/>
                      <a:gd name="connsiteY1" fmla="*/ 1582819 h 1582819"/>
                      <a:gd name="connsiteX2" fmla="*/ 499 w 2790836"/>
                      <a:gd name="connsiteY2" fmla="*/ 419372 h 1582819"/>
                      <a:gd name="connsiteX3" fmla="*/ 2594 w 2790836"/>
                      <a:gd name="connsiteY3" fmla="*/ 0 h 1582819"/>
                      <a:gd name="connsiteX4" fmla="*/ 2785829 w 2790836"/>
                      <a:gd name="connsiteY4" fmla="*/ 1020758 h 1582819"/>
                      <a:gd name="connsiteX0" fmla="*/ 2786253 w 2791260"/>
                      <a:gd name="connsiteY0" fmla="*/ 1017740 h 1579801"/>
                      <a:gd name="connsiteX1" fmla="*/ 2791260 w 2791260"/>
                      <a:gd name="connsiteY1" fmla="*/ 1579801 h 1579801"/>
                      <a:gd name="connsiteX2" fmla="*/ 923 w 2791260"/>
                      <a:gd name="connsiteY2" fmla="*/ 416354 h 1579801"/>
                      <a:gd name="connsiteX3" fmla="*/ 0 w 2791260"/>
                      <a:gd name="connsiteY3" fmla="*/ 0 h 1579801"/>
                      <a:gd name="connsiteX4" fmla="*/ 2786253 w 2791260"/>
                      <a:gd name="connsiteY4" fmla="*/ 1017740 h 157980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91260" h="1579801">
                        <a:moveTo>
                          <a:pt x="2786253" y="1017740"/>
                        </a:moveTo>
                        <a:cubicBezTo>
                          <a:pt x="2787968" y="1203270"/>
                          <a:pt x="2789545" y="1394271"/>
                          <a:pt x="2791260" y="1579801"/>
                        </a:cubicBezTo>
                        <a:cubicBezTo>
                          <a:pt x="1863160" y="1224612"/>
                          <a:pt x="929023" y="771543"/>
                          <a:pt x="923" y="416354"/>
                        </a:cubicBezTo>
                        <a:cubicBezTo>
                          <a:pt x="-1418" y="244076"/>
                          <a:pt x="2341" y="172278"/>
                          <a:pt x="0" y="0"/>
                        </a:cubicBezTo>
                        <a:lnTo>
                          <a:pt x="2786253" y="1017740"/>
                        </a:lnTo>
                        <a:close/>
                      </a:path>
                    </a:pathLst>
                  </a:custGeom>
                  <a:solidFill>
                    <a:srgbClr val="25AA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grpSp>
            <p:sp>
              <p:nvSpPr>
                <p:cNvPr id="58" name="TextBox 57">
                  <a:extLst>
                    <a:ext uri="{FF2B5EF4-FFF2-40B4-BE49-F238E27FC236}">
                      <a16:creationId xmlns:a16="http://schemas.microsoft.com/office/drawing/2014/main" id="{02D99018-8FE8-44CC-A7C4-DB8AB179F18D}"/>
                    </a:ext>
                  </a:extLst>
                </p:cNvPr>
                <p:cNvSpPr txBox="1"/>
                <p:nvPr/>
              </p:nvSpPr>
              <p:spPr>
                <a:xfrm rot="21027256">
                  <a:off x="3674066" y="5826181"/>
                  <a:ext cx="358530" cy="39511"/>
                </a:xfrm>
                <a:prstGeom prst="rect">
                  <a:avLst/>
                </a:prstGeom>
                <a:noFill/>
                <a:scene3d>
                  <a:camera prst="orthographicFront">
                    <a:rot lat="18842034" lon="19709028" rev="21181929"/>
                  </a:camera>
                  <a:lightRig rig="threePt" dir="t"/>
                </a:scene3d>
              </p:spPr>
              <p:txBody>
                <a:bodyPr wrap="square" lIns="0" tIns="0" rIns="0" bIns="0" rtlCol="0">
                  <a:spAutoFit/>
                </a:bodyPr>
                <a:lstStyle/>
                <a:p>
                  <a:pPr marL="0" marR="0" lvl="0" indent="0" algn="ctr" defTabSz="914333" rtl="0" eaLnBrk="1" fontAlgn="auto" latinLnBrk="0" hangingPunct="1">
                    <a:lnSpc>
                      <a:spcPct val="100000"/>
                    </a:lnSpc>
                    <a:spcBef>
                      <a:spcPts val="0"/>
                    </a:spcBef>
                    <a:spcAft>
                      <a:spcPts val="0"/>
                    </a:spcAft>
                    <a:buClrTx/>
                    <a:buSzTx/>
                    <a:buFontTx/>
                    <a:buNone/>
                    <a:tabLst/>
                    <a:defRPr/>
                  </a:pPr>
                  <a:r>
                    <a:rPr kumimoji="0" lang="en-GB" sz="400" b="0" i="0" u="none" strike="noStrike" kern="1200" cap="none" spc="0" normalizeH="0" baseline="0" noProof="0">
                      <a:ln>
                        <a:noFill/>
                      </a:ln>
                      <a:solidFill>
                        <a:prstClr val="white"/>
                      </a:solidFill>
                      <a:effectLst/>
                      <a:uLnTx/>
                      <a:uFillTx/>
                      <a:latin typeface="Open Sans"/>
                      <a:ea typeface="+mn-ea"/>
                      <a:cs typeface="+mn-cs"/>
                    </a:rPr>
                    <a:t>APPLICATION</a:t>
                  </a:r>
                  <a:endParaRPr lang="en-GB"/>
                </a:p>
              </p:txBody>
            </p:sp>
          </p:grpSp>
          <p:grpSp>
            <p:nvGrpSpPr>
              <p:cNvPr id="39" name="Group 38">
                <a:extLst>
                  <a:ext uri="{FF2B5EF4-FFF2-40B4-BE49-F238E27FC236}">
                    <a16:creationId xmlns:a16="http://schemas.microsoft.com/office/drawing/2014/main" id="{2CDD5776-F561-45BB-A8E5-9D13F121F06C}"/>
                  </a:ext>
                </a:extLst>
              </p:cNvPr>
              <p:cNvGrpSpPr/>
              <p:nvPr/>
            </p:nvGrpSpPr>
            <p:grpSpPr>
              <a:xfrm>
                <a:off x="1613367" y="3663304"/>
                <a:ext cx="580084" cy="209332"/>
                <a:chOff x="3398122" y="3536334"/>
                <a:chExt cx="1505555" cy="543302"/>
              </a:xfrm>
            </p:grpSpPr>
            <p:pic>
              <p:nvPicPr>
                <p:cNvPr id="54" name="Graphic 53">
                  <a:extLst>
                    <a:ext uri="{FF2B5EF4-FFF2-40B4-BE49-F238E27FC236}">
                      <a16:creationId xmlns:a16="http://schemas.microsoft.com/office/drawing/2014/main" id="{BB1B9F61-4CD5-4B75-94C1-5BDE1E327F52}"/>
                    </a:ext>
                  </a:extLst>
                </p:cNvPr>
                <p:cNvPicPr>
                  <a:picLocks noChangeAspect="1"/>
                </p:cNvPicPr>
                <p:nvPr/>
              </p:nvPicPr>
              <p:blipFill>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4513016" y="3558307"/>
                  <a:ext cx="390661" cy="390661"/>
                </a:xfrm>
                <a:prstGeom prst="rect">
                  <a:avLst/>
                </a:prstGeom>
              </p:spPr>
            </p:pic>
            <p:pic>
              <p:nvPicPr>
                <p:cNvPr id="55" name="Graphic 54">
                  <a:extLst>
                    <a:ext uri="{FF2B5EF4-FFF2-40B4-BE49-F238E27FC236}">
                      <a16:creationId xmlns:a16="http://schemas.microsoft.com/office/drawing/2014/main" id="{BEA4A8EA-9243-4DAA-B32F-6B285B17B2F0}"/>
                    </a:ext>
                  </a:extLst>
                </p:cNvPr>
                <p:cNvPicPr>
                  <a:picLocks noChangeAspect="1"/>
                </p:cNvPicPr>
                <p:nvPr/>
              </p:nvPicPr>
              <p:blipFill>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tretch>
                  <a:fillRect/>
                </a:stretch>
              </p:blipFill>
              <p:spPr>
                <a:xfrm>
                  <a:off x="3398122" y="3536334"/>
                  <a:ext cx="390661" cy="390661"/>
                </a:xfrm>
                <a:prstGeom prst="rect">
                  <a:avLst/>
                </a:prstGeom>
              </p:spPr>
            </p:pic>
            <p:pic>
              <p:nvPicPr>
                <p:cNvPr id="56" name="Graphic 55">
                  <a:extLst>
                    <a:ext uri="{FF2B5EF4-FFF2-40B4-BE49-F238E27FC236}">
                      <a16:creationId xmlns:a16="http://schemas.microsoft.com/office/drawing/2014/main" id="{8905A021-27C9-404E-B98C-64AAE0D474C8}"/>
                    </a:ext>
                  </a:extLst>
                </p:cNvPr>
                <p:cNvPicPr>
                  <a:picLocks noChangeAspect="1"/>
                </p:cNvPicPr>
                <p:nvPr/>
              </p:nvPicPr>
              <p:blipFill>
                <a:blip r:embed="rId10" cstate="screen">
                  <a:extLst>
                    <a:ext uri="{28A0092B-C50C-407E-A947-70E740481C1C}">
                      <a14:useLocalDpi xmlns:a14="http://schemas.microsoft.com/office/drawing/2010/main"/>
                    </a:ext>
                    <a:ext uri="{96DAC541-7B7A-43D3-8B79-37D633B846F1}">
                      <asvg:svgBlip xmlns:asvg="http://schemas.microsoft.com/office/drawing/2016/SVG/main" r:embed="rId11"/>
                    </a:ext>
                  </a:extLst>
                </a:blip>
                <a:stretch>
                  <a:fillRect/>
                </a:stretch>
              </p:blipFill>
              <p:spPr>
                <a:xfrm>
                  <a:off x="3965227" y="3688977"/>
                  <a:ext cx="390661" cy="390659"/>
                </a:xfrm>
                <a:prstGeom prst="rect">
                  <a:avLst/>
                </a:prstGeom>
              </p:spPr>
            </p:pic>
          </p:grpSp>
          <p:grpSp>
            <p:nvGrpSpPr>
              <p:cNvPr id="40" name="Group 39">
                <a:extLst>
                  <a:ext uri="{FF2B5EF4-FFF2-40B4-BE49-F238E27FC236}">
                    <a16:creationId xmlns:a16="http://schemas.microsoft.com/office/drawing/2014/main" id="{AE2B1D45-C161-4095-BB48-384217EE1913}"/>
                  </a:ext>
                </a:extLst>
              </p:cNvPr>
              <p:cNvGrpSpPr/>
              <p:nvPr/>
            </p:nvGrpSpPr>
            <p:grpSpPr>
              <a:xfrm>
                <a:off x="1534719" y="4800246"/>
                <a:ext cx="803361" cy="294588"/>
                <a:chOff x="1534719" y="4800246"/>
                <a:chExt cx="803361" cy="294588"/>
              </a:xfrm>
            </p:grpSpPr>
            <p:pic>
              <p:nvPicPr>
                <p:cNvPr id="48" name="Picture 47">
                  <a:extLst>
                    <a:ext uri="{FF2B5EF4-FFF2-40B4-BE49-F238E27FC236}">
                      <a16:creationId xmlns:a16="http://schemas.microsoft.com/office/drawing/2014/main" id="{C6D3919C-A75B-46C3-A666-2479C2FB197F}"/>
                    </a:ext>
                  </a:extLst>
                </p:cNvPr>
                <p:cNvPicPr>
                  <a:picLocks noChangeAspect="1"/>
                </p:cNvPicPr>
                <p:nvPr/>
              </p:nvPicPr>
              <p:blipFill>
                <a:blip r:embed="rId12" cstate="screen">
                  <a:extLst>
                    <a:ext uri="{28A0092B-C50C-407E-A947-70E740481C1C}">
                      <a14:useLocalDpi xmlns:a14="http://schemas.microsoft.com/office/drawing/2010/main"/>
                    </a:ext>
                  </a:extLst>
                </a:blip>
                <a:stretch>
                  <a:fillRect/>
                </a:stretch>
              </p:blipFill>
              <p:spPr>
                <a:xfrm>
                  <a:off x="1695633" y="4865021"/>
                  <a:ext cx="140508" cy="101572"/>
                </a:xfrm>
                <a:prstGeom prst="rect">
                  <a:avLst/>
                </a:prstGeom>
              </p:spPr>
            </p:pic>
            <p:pic>
              <p:nvPicPr>
                <p:cNvPr id="49" name="Picture 48">
                  <a:extLst>
                    <a:ext uri="{FF2B5EF4-FFF2-40B4-BE49-F238E27FC236}">
                      <a16:creationId xmlns:a16="http://schemas.microsoft.com/office/drawing/2014/main" id="{1CCADFE4-01B5-4AA8-8C76-1812B29F16EC}"/>
                    </a:ext>
                  </a:extLst>
                </p:cNvPr>
                <p:cNvPicPr>
                  <a:picLocks noChangeAspect="1"/>
                </p:cNvPicPr>
                <p:nvPr/>
              </p:nvPicPr>
              <p:blipFill>
                <a:blip r:embed="rId13" cstate="screen">
                  <a:extLst>
                    <a:ext uri="{28A0092B-C50C-407E-A947-70E740481C1C}">
                      <a14:useLocalDpi xmlns:a14="http://schemas.microsoft.com/office/drawing/2010/main"/>
                    </a:ext>
                  </a:extLst>
                </a:blip>
                <a:stretch>
                  <a:fillRect/>
                </a:stretch>
              </p:blipFill>
              <p:spPr>
                <a:xfrm>
                  <a:off x="1685674" y="5022435"/>
                  <a:ext cx="147964" cy="40584"/>
                </a:xfrm>
                <a:prstGeom prst="rect">
                  <a:avLst/>
                </a:prstGeom>
              </p:spPr>
            </p:pic>
            <p:pic>
              <p:nvPicPr>
                <p:cNvPr id="50" name="Picture 49">
                  <a:extLst>
                    <a:ext uri="{FF2B5EF4-FFF2-40B4-BE49-F238E27FC236}">
                      <a16:creationId xmlns:a16="http://schemas.microsoft.com/office/drawing/2014/main" id="{81144F07-EE72-4D0A-8E6D-F29F2E7C5FD5}"/>
                    </a:ext>
                  </a:extLst>
                </p:cNvPr>
                <p:cNvPicPr>
                  <a:picLocks noChangeAspect="1"/>
                </p:cNvPicPr>
                <p:nvPr/>
              </p:nvPicPr>
              <p:blipFill>
                <a:blip r:embed="rId14" cstate="screen">
                  <a:extLst>
                    <a:ext uri="{28A0092B-C50C-407E-A947-70E740481C1C}">
                      <a14:useLocalDpi xmlns:a14="http://schemas.microsoft.com/office/drawing/2010/main"/>
                    </a:ext>
                  </a:extLst>
                </a:blip>
                <a:stretch>
                  <a:fillRect/>
                </a:stretch>
              </p:blipFill>
              <p:spPr>
                <a:xfrm>
                  <a:off x="1886619" y="4910282"/>
                  <a:ext cx="116103" cy="184552"/>
                </a:xfrm>
                <a:prstGeom prst="rect">
                  <a:avLst/>
                </a:prstGeom>
              </p:spPr>
            </p:pic>
            <p:pic>
              <p:nvPicPr>
                <p:cNvPr id="51" name="Picture 50">
                  <a:extLst>
                    <a:ext uri="{FF2B5EF4-FFF2-40B4-BE49-F238E27FC236}">
                      <a16:creationId xmlns:a16="http://schemas.microsoft.com/office/drawing/2014/main" id="{C9378732-C991-4738-930E-6C14B3737E48}"/>
                    </a:ext>
                  </a:extLst>
                </p:cNvPr>
                <p:cNvPicPr>
                  <a:picLocks noChangeAspect="1"/>
                </p:cNvPicPr>
                <p:nvPr/>
              </p:nvPicPr>
              <p:blipFill>
                <a:blip r:embed="rId15" cstate="screen">
                  <a:extLst>
                    <a:ext uri="{28A0092B-C50C-407E-A947-70E740481C1C}">
                      <a14:useLocalDpi xmlns:a14="http://schemas.microsoft.com/office/drawing/2010/main"/>
                    </a:ext>
                  </a:extLst>
                </a:blip>
                <a:stretch>
                  <a:fillRect/>
                </a:stretch>
              </p:blipFill>
              <p:spPr>
                <a:xfrm>
                  <a:off x="2037380" y="4883135"/>
                  <a:ext cx="103594" cy="141578"/>
                </a:xfrm>
                <a:prstGeom prst="rect">
                  <a:avLst/>
                </a:prstGeom>
              </p:spPr>
            </p:pic>
            <p:pic>
              <p:nvPicPr>
                <p:cNvPr id="52" name="Picture 7">
                  <a:extLst>
                    <a:ext uri="{FF2B5EF4-FFF2-40B4-BE49-F238E27FC236}">
                      <a16:creationId xmlns:a16="http://schemas.microsoft.com/office/drawing/2014/main" id="{E6153D97-55EF-43D6-A918-5EFCFE4A0D42}"/>
                    </a:ext>
                  </a:extLst>
                </p:cNvPr>
                <p:cNvPicPr>
                  <a:picLocks noChangeAspect="1"/>
                </p:cNvPicPr>
                <p:nvPr>
                  <p:custDataLst>
                    <p:tags r:id="rId1"/>
                  </p:custDataLst>
                </p:nvPr>
              </p:nvPicPr>
              <p:blipFill rotWithShape="1">
                <a:blip r:embed="rId16" cstate="screen">
                  <a:biLevel thresh="25000"/>
                  <a:extLst>
                    <a:ext uri="{28A0092B-C50C-407E-A947-70E740481C1C}">
                      <a14:useLocalDpi xmlns:a14="http://schemas.microsoft.com/office/drawing/2010/main"/>
                    </a:ext>
                  </a:extLst>
                </a:blip>
                <a:srcRect/>
                <a:stretch/>
              </p:blipFill>
              <p:spPr>
                <a:xfrm>
                  <a:off x="1534719" y="4800246"/>
                  <a:ext cx="150955" cy="150955"/>
                </a:xfrm>
                <a:prstGeom prst="rect">
                  <a:avLst/>
                </a:prstGeom>
              </p:spPr>
            </p:pic>
            <p:pic>
              <p:nvPicPr>
                <p:cNvPr id="53" name="Picture 52">
                  <a:extLst>
                    <a:ext uri="{FF2B5EF4-FFF2-40B4-BE49-F238E27FC236}">
                      <a16:creationId xmlns:a16="http://schemas.microsoft.com/office/drawing/2014/main" id="{59721ACA-3EEC-4485-ACF6-36BE951BFE1E}"/>
                    </a:ext>
                  </a:extLst>
                </p:cNvPr>
                <p:cNvPicPr>
                  <a:picLocks noChangeAspect="1"/>
                </p:cNvPicPr>
                <p:nvPr>
                  <p:custDataLst>
                    <p:tags r:id="rId2"/>
                  </p:custDataLst>
                </p:nvPr>
              </p:nvPicPr>
              <p:blipFill rotWithShape="1">
                <a:blip r:embed="rId17" cstate="screen">
                  <a:biLevel thresh="25000"/>
                  <a:extLst>
                    <a:ext uri="{28A0092B-C50C-407E-A947-70E740481C1C}">
                      <a14:useLocalDpi xmlns:a14="http://schemas.microsoft.com/office/drawing/2010/main"/>
                    </a:ext>
                  </a:extLst>
                </a:blip>
                <a:srcRect/>
                <a:stretch/>
              </p:blipFill>
              <p:spPr>
                <a:xfrm>
                  <a:off x="2187125" y="4844708"/>
                  <a:ext cx="150955" cy="150955"/>
                </a:xfrm>
                <a:prstGeom prst="rect">
                  <a:avLst/>
                </a:prstGeom>
              </p:spPr>
            </p:pic>
          </p:grpSp>
          <p:grpSp>
            <p:nvGrpSpPr>
              <p:cNvPr id="41" name="Group 40">
                <a:extLst>
                  <a:ext uri="{FF2B5EF4-FFF2-40B4-BE49-F238E27FC236}">
                    <a16:creationId xmlns:a16="http://schemas.microsoft.com/office/drawing/2014/main" id="{E7955402-D7D3-4E46-95C9-A86D6D5F39F2}"/>
                  </a:ext>
                </a:extLst>
              </p:cNvPr>
              <p:cNvGrpSpPr/>
              <p:nvPr/>
            </p:nvGrpSpPr>
            <p:grpSpPr>
              <a:xfrm>
                <a:off x="1000240" y="3155253"/>
                <a:ext cx="1757393" cy="2563755"/>
                <a:chOff x="3524485" y="2562429"/>
                <a:chExt cx="5009825" cy="5333804"/>
              </a:xfrm>
            </p:grpSpPr>
            <p:sp>
              <p:nvSpPr>
                <p:cNvPr id="45" name="Freeform: Shape 44">
                  <a:extLst>
                    <a:ext uri="{FF2B5EF4-FFF2-40B4-BE49-F238E27FC236}">
                      <a16:creationId xmlns:a16="http://schemas.microsoft.com/office/drawing/2014/main" id="{D25BA93B-D8E6-4815-A0DC-8B886E17BF88}"/>
                    </a:ext>
                  </a:extLst>
                </p:cNvPr>
                <p:cNvSpPr/>
                <p:nvPr/>
              </p:nvSpPr>
              <p:spPr>
                <a:xfrm>
                  <a:off x="3524485" y="2562429"/>
                  <a:ext cx="4997355" cy="1113673"/>
                </a:xfrm>
                <a:custGeom>
                  <a:avLst/>
                  <a:gdLst>
                    <a:gd name="connsiteX0" fmla="*/ 2305879 w 5041127"/>
                    <a:gd name="connsiteY0" fmla="*/ 0 h 1956021"/>
                    <a:gd name="connsiteX1" fmla="*/ 5041127 w 5041127"/>
                    <a:gd name="connsiteY1" fmla="*/ 826936 h 1956021"/>
                    <a:gd name="connsiteX2" fmla="*/ 2782957 w 5041127"/>
                    <a:gd name="connsiteY2" fmla="*/ 1956021 h 1956021"/>
                    <a:gd name="connsiteX3" fmla="*/ 0 w 5041127"/>
                    <a:gd name="connsiteY3" fmla="*/ 954157 h 1956021"/>
                    <a:gd name="connsiteX4" fmla="*/ 2305879 w 5041127"/>
                    <a:gd name="connsiteY4" fmla="*/ 0 h 1956021"/>
                    <a:gd name="connsiteX0" fmla="*/ 2305879 w 5018688"/>
                    <a:gd name="connsiteY0" fmla="*/ 0 h 1956021"/>
                    <a:gd name="connsiteX1" fmla="*/ 5018688 w 5018688"/>
                    <a:gd name="connsiteY1" fmla="*/ 829741 h 1956021"/>
                    <a:gd name="connsiteX2" fmla="*/ 2782957 w 5018688"/>
                    <a:gd name="connsiteY2" fmla="*/ 1956021 h 1956021"/>
                    <a:gd name="connsiteX3" fmla="*/ 0 w 5018688"/>
                    <a:gd name="connsiteY3" fmla="*/ 954157 h 1956021"/>
                    <a:gd name="connsiteX4" fmla="*/ 2305879 w 5018688"/>
                    <a:gd name="connsiteY4" fmla="*/ 0 h 1956021"/>
                    <a:gd name="connsiteX0" fmla="*/ 2305879 w 5018688"/>
                    <a:gd name="connsiteY0" fmla="*/ 0 h 1956021"/>
                    <a:gd name="connsiteX1" fmla="*/ 5018688 w 5018688"/>
                    <a:gd name="connsiteY1" fmla="*/ 835351 h 1956021"/>
                    <a:gd name="connsiteX2" fmla="*/ 2782957 w 5018688"/>
                    <a:gd name="connsiteY2" fmla="*/ 1956021 h 1956021"/>
                    <a:gd name="connsiteX3" fmla="*/ 0 w 5018688"/>
                    <a:gd name="connsiteY3" fmla="*/ 954157 h 1956021"/>
                    <a:gd name="connsiteX4" fmla="*/ 2305879 w 5018688"/>
                    <a:gd name="connsiteY4" fmla="*/ 0 h 1956021"/>
                    <a:gd name="connsiteX0" fmla="*/ 2303074 w 5015883"/>
                    <a:gd name="connsiteY0" fmla="*/ 0 h 1956021"/>
                    <a:gd name="connsiteX1" fmla="*/ 5015883 w 5015883"/>
                    <a:gd name="connsiteY1" fmla="*/ 835351 h 1956021"/>
                    <a:gd name="connsiteX2" fmla="*/ 2780152 w 5015883"/>
                    <a:gd name="connsiteY2" fmla="*/ 1956021 h 1956021"/>
                    <a:gd name="connsiteX3" fmla="*/ 0 w 5015883"/>
                    <a:gd name="connsiteY3" fmla="*/ 937327 h 1956021"/>
                    <a:gd name="connsiteX4" fmla="*/ 2303074 w 5015883"/>
                    <a:gd name="connsiteY4" fmla="*/ 0 h 1956021"/>
                    <a:gd name="connsiteX0" fmla="*/ 2303074 w 5015883"/>
                    <a:gd name="connsiteY0" fmla="*/ 0 h 1964436"/>
                    <a:gd name="connsiteX1" fmla="*/ 5015883 w 5015883"/>
                    <a:gd name="connsiteY1" fmla="*/ 835351 h 1964436"/>
                    <a:gd name="connsiteX2" fmla="*/ 2791372 w 5015883"/>
                    <a:gd name="connsiteY2" fmla="*/ 1964436 h 1964436"/>
                    <a:gd name="connsiteX3" fmla="*/ 0 w 5015883"/>
                    <a:gd name="connsiteY3" fmla="*/ 937327 h 1964436"/>
                    <a:gd name="connsiteX4" fmla="*/ 2303074 w 5015883"/>
                    <a:gd name="connsiteY4" fmla="*/ 0 h 1964436"/>
                    <a:gd name="connsiteX0" fmla="*/ 2303074 w 5009847"/>
                    <a:gd name="connsiteY0" fmla="*/ 0 h 1964436"/>
                    <a:gd name="connsiteX1" fmla="*/ 5009847 w 5009847"/>
                    <a:gd name="connsiteY1" fmla="*/ 874583 h 1964436"/>
                    <a:gd name="connsiteX2" fmla="*/ 2791372 w 5009847"/>
                    <a:gd name="connsiteY2" fmla="*/ 1964436 h 1964436"/>
                    <a:gd name="connsiteX3" fmla="*/ 0 w 5009847"/>
                    <a:gd name="connsiteY3" fmla="*/ 937327 h 1964436"/>
                    <a:gd name="connsiteX4" fmla="*/ 2303074 w 5009847"/>
                    <a:gd name="connsiteY4" fmla="*/ 0 h 1964436"/>
                    <a:gd name="connsiteX0" fmla="*/ 2320327 w 5009847"/>
                    <a:gd name="connsiteY0" fmla="*/ 0 h 1860919"/>
                    <a:gd name="connsiteX1" fmla="*/ 5009847 w 5009847"/>
                    <a:gd name="connsiteY1" fmla="*/ 771066 h 1860919"/>
                    <a:gd name="connsiteX2" fmla="*/ 2791372 w 5009847"/>
                    <a:gd name="connsiteY2" fmla="*/ 1860919 h 1860919"/>
                    <a:gd name="connsiteX3" fmla="*/ 0 w 5009847"/>
                    <a:gd name="connsiteY3" fmla="*/ 833810 h 1860919"/>
                    <a:gd name="connsiteX4" fmla="*/ 2320327 w 5009847"/>
                    <a:gd name="connsiteY4" fmla="*/ 0 h 1860919"/>
                    <a:gd name="connsiteX0" fmla="*/ 2331829 w 5009847"/>
                    <a:gd name="connsiteY0" fmla="*/ 0 h 1745900"/>
                    <a:gd name="connsiteX1" fmla="*/ 5009847 w 5009847"/>
                    <a:gd name="connsiteY1" fmla="*/ 656047 h 1745900"/>
                    <a:gd name="connsiteX2" fmla="*/ 2791372 w 5009847"/>
                    <a:gd name="connsiteY2" fmla="*/ 1745900 h 1745900"/>
                    <a:gd name="connsiteX3" fmla="*/ 0 w 5009847"/>
                    <a:gd name="connsiteY3" fmla="*/ 718791 h 1745900"/>
                    <a:gd name="connsiteX4" fmla="*/ 2331829 w 5009847"/>
                    <a:gd name="connsiteY4" fmla="*/ 0 h 1745900"/>
                    <a:gd name="connsiteX0" fmla="*/ 2331829 w 4997355"/>
                    <a:gd name="connsiteY0" fmla="*/ 0 h 1745900"/>
                    <a:gd name="connsiteX1" fmla="*/ 4997355 w 4997355"/>
                    <a:gd name="connsiteY1" fmla="*/ 668539 h 1745900"/>
                    <a:gd name="connsiteX2" fmla="*/ 2791372 w 4997355"/>
                    <a:gd name="connsiteY2" fmla="*/ 1745900 h 1745900"/>
                    <a:gd name="connsiteX3" fmla="*/ 0 w 4997355"/>
                    <a:gd name="connsiteY3" fmla="*/ 718791 h 1745900"/>
                    <a:gd name="connsiteX4" fmla="*/ 2331829 w 4997355"/>
                    <a:gd name="connsiteY4" fmla="*/ 0 h 1745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997355" h="1745900">
                      <a:moveTo>
                        <a:pt x="2331829" y="0"/>
                      </a:moveTo>
                      <a:lnTo>
                        <a:pt x="4997355" y="668539"/>
                      </a:lnTo>
                      <a:lnTo>
                        <a:pt x="2791372" y="1745900"/>
                      </a:lnTo>
                      <a:lnTo>
                        <a:pt x="0" y="718791"/>
                      </a:lnTo>
                      <a:lnTo>
                        <a:pt x="2331829" y="0"/>
                      </a:lnTo>
                      <a:close/>
                    </a:path>
                  </a:pathLst>
                </a:custGeom>
                <a:solidFill>
                  <a:srgbClr val="EAEAEA">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sp>
              <p:nvSpPr>
                <p:cNvPr id="46" name="Freeform: Shape 45">
                  <a:extLst>
                    <a:ext uri="{FF2B5EF4-FFF2-40B4-BE49-F238E27FC236}">
                      <a16:creationId xmlns:a16="http://schemas.microsoft.com/office/drawing/2014/main" id="{5E9020CD-297B-48A0-9EA9-CD12EF6B713A}"/>
                    </a:ext>
                  </a:extLst>
                </p:cNvPr>
                <p:cNvSpPr/>
                <p:nvPr/>
              </p:nvSpPr>
              <p:spPr>
                <a:xfrm>
                  <a:off x="6321261" y="3003090"/>
                  <a:ext cx="2213049" cy="4893143"/>
                </a:xfrm>
                <a:custGeom>
                  <a:avLst/>
                  <a:gdLst>
                    <a:gd name="connsiteX0" fmla="*/ 2250219 w 2258170"/>
                    <a:gd name="connsiteY0" fmla="*/ 0 h 1645920"/>
                    <a:gd name="connsiteX1" fmla="*/ 2258170 w 2258170"/>
                    <a:gd name="connsiteY1" fmla="*/ 469126 h 1645920"/>
                    <a:gd name="connsiteX2" fmla="*/ 15902 w 2258170"/>
                    <a:gd name="connsiteY2" fmla="*/ 1645920 h 1645920"/>
                    <a:gd name="connsiteX3" fmla="*/ 0 w 2258170"/>
                    <a:gd name="connsiteY3" fmla="*/ 1105231 h 1645920"/>
                    <a:gd name="connsiteX4" fmla="*/ 2250219 w 2258170"/>
                    <a:gd name="connsiteY4" fmla="*/ 0 h 1645920"/>
                    <a:gd name="connsiteX0" fmla="*/ 2244609 w 2258170"/>
                    <a:gd name="connsiteY0" fmla="*/ 0 h 1671164"/>
                    <a:gd name="connsiteX1" fmla="*/ 2258170 w 2258170"/>
                    <a:gd name="connsiteY1" fmla="*/ 494370 h 1671164"/>
                    <a:gd name="connsiteX2" fmla="*/ 15902 w 2258170"/>
                    <a:gd name="connsiteY2" fmla="*/ 1671164 h 1671164"/>
                    <a:gd name="connsiteX3" fmla="*/ 0 w 2258170"/>
                    <a:gd name="connsiteY3" fmla="*/ 1130475 h 1671164"/>
                    <a:gd name="connsiteX4" fmla="*/ 2244609 w 2258170"/>
                    <a:gd name="connsiteY4" fmla="*/ 0 h 1671164"/>
                    <a:gd name="connsiteX0" fmla="*/ 2244609 w 2244609"/>
                    <a:gd name="connsiteY0" fmla="*/ 0 h 1671164"/>
                    <a:gd name="connsiteX1" fmla="*/ 2235731 w 2244609"/>
                    <a:gd name="connsiteY1" fmla="*/ 494370 h 1671164"/>
                    <a:gd name="connsiteX2" fmla="*/ 15902 w 2244609"/>
                    <a:gd name="connsiteY2" fmla="*/ 1671164 h 1671164"/>
                    <a:gd name="connsiteX3" fmla="*/ 0 w 2244609"/>
                    <a:gd name="connsiteY3" fmla="*/ 1130475 h 1671164"/>
                    <a:gd name="connsiteX4" fmla="*/ 2244609 w 2244609"/>
                    <a:gd name="connsiteY4" fmla="*/ 0 h 1671164"/>
                    <a:gd name="connsiteX0" fmla="*/ 2244609 w 2244609"/>
                    <a:gd name="connsiteY0" fmla="*/ 0 h 1682383"/>
                    <a:gd name="connsiteX1" fmla="*/ 2235731 w 2244609"/>
                    <a:gd name="connsiteY1" fmla="*/ 494370 h 1682383"/>
                    <a:gd name="connsiteX2" fmla="*/ 13097 w 2244609"/>
                    <a:gd name="connsiteY2" fmla="*/ 1682383 h 1682383"/>
                    <a:gd name="connsiteX3" fmla="*/ 0 w 2244609"/>
                    <a:gd name="connsiteY3" fmla="*/ 1130475 h 1682383"/>
                    <a:gd name="connsiteX4" fmla="*/ 2244609 w 2244609"/>
                    <a:gd name="connsiteY4" fmla="*/ 0 h 1682383"/>
                    <a:gd name="connsiteX0" fmla="*/ 2239000 w 2239000"/>
                    <a:gd name="connsiteY0" fmla="*/ 0 h 1682383"/>
                    <a:gd name="connsiteX1" fmla="*/ 2230122 w 2239000"/>
                    <a:gd name="connsiteY1" fmla="*/ 494370 h 1682383"/>
                    <a:gd name="connsiteX2" fmla="*/ 7488 w 2239000"/>
                    <a:gd name="connsiteY2" fmla="*/ 1682383 h 1682383"/>
                    <a:gd name="connsiteX3" fmla="*/ 0 w 2239000"/>
                    <a:gd name="connsiteY3" fmla="*/ 1122060 h 1682383"/>
                    <a:gd name="connsiteX4" fmla="*/ 2239000 w 2239000"/>
                    <a:gd name="connsiteY4" fmla="*/ 0 h 1682383"/>
                    <a:gd name="connsiteX0" fmla="*/ 2233390 w 2233390"/>
                    <a:gd name="connsiteY0" fmla="*/ 0 h 1682383"/>
                    <a:gd name="connsiteX1" fmla="*/ 2230122 w 2233390"/>
                    <a:gd name="connsiteY1" fmla="*/ 494370 h 1682383"/>
                    <a:gd name="connsiteX2" fmla="*/ 7488 w 2233390"/>
                    <a:gd name="connsiteY2" fmla="*/ 1682383 h 1682383"/>
                    <a:gd name="connsiteX3" fmla="*/ 0 w 2233390"/>
                    <a:gd name="connsiteY3" fmla="*/ 1122060 h 1682383"/>
                    <a:gd name="connsiteX4" fmla="*/ 2233390 w 2233390"/>
                    <a:gd name="connsiteY4" fmla="*/ 0 h 1682383"/>
                    <a:gd name="connsiteX0" fmla="*/ 2225902 w 2225902"/>
                    <a:gd name="connsiteY0" fmla="*/ 0 h 1682383"/>
                    <a:gd name="connsiteX1" fmla="*/ 2222634 w 2225902"/>
                    <a:gd name="connsiteY1" fmla="*/ 494370 h 1682383"/>
                    <a:gd name="connsiteX2" fmla="*/ 0 w 2225902"/>
                    <a:gd name="connsiteY2" fmla="*/ 1682383 h 1682383"/>
                    <a:gd name="connsiteX3" fmla="*/ 9342 w 2225902"/>
                    <a:gd name="connsiteY3" fmla="*/ 1119255 h 1682383"/>
                    <a:gd name="connsiteX4" fmla="*/ 2225902 w 2225902"/>
                    <a:gd name="connsiteY4" fmla="*/ 0 h 1682383"/>
                    <a:gd name="connsiteX0" fmla="*/ 2217487 w 2217487"/>
                    <a:gd name="connsiteY0" fmla="*/ 0 h 1679578"/>
                    <a:gd name="connsiteX1" fmla="*/ 2214219 w 2217487"/>
                    <a:gd name="connsiteY1" fmla="*/ 494370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79578"/>
                    <a:gd name="connsiteX1" fmla="*/ 2214219 w 2217487"/>
                    <a:gd name="connsiteY1" fmla="*/ 473245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43365"/>
                    <a:gd name="connsiteX1" fmla="*/ 2214219 w 2217487"/>
                    <a:gd name="connsiteY1" fmla="*/ 437032 h 1643365"/>
                    <a:gd name="connsiteX2" fmla="*/ 0 w 2217487"/>
                    <a:gd name="connsiteY2" fmla="*/ 1643365 h 1643365"/>
                    <a:gd name="connsiteX3" fmla="*/ 927 w 2217487"/>
                    <a:gd name="connsiteY3" fmla="*/ 1083042 h 1643365"/>
                    <a:gd name="connsiteX4" fmla="*/ 2217487 w 2217487"/>
                    <a:gd name="connsiteY4" fmla="*/ 0 h 1643365"/>
                    <a:gd name="connsiteX0" fmla="*/ 2217487 w 2217487"/>
                    <a:gd name="connsiteY0" fmla="*/ 0 h 1643365"/>
                    <a:gd name="connsiteX1" fmla="*/ 2214219 w 2217487"/>
                    <a:gd name="connsiteY1" fmla="*/ 437032 h 1643365"/>
                    <a:gd name="connsiteX2" fmla="*/ 0 w 2217487"/>
                    <a:gd name="connsiteY2" fmla="*/ 1643365 h 1643365"/>
                    <a:gd name="connsiteX3" fmla="*/ 40932 w 2217487"/>
                    <a:gd name="connsiteY3" fmla="*/ 1143049 h 1643365"/>
                    <a:gd name="connsiteX4" fmla="*/ 2217487 w 2217487"/>
                    <a:gd name="connsiteY4" fmla="*/ 0 h 1643365"/>
                    <a:gd name="connsiteX0" fmla="*/ 2219418 w 2219418"/>
                    <a:gd name="connsiteY0" fmla="*/ 0 h 1643365"/>
                    <a:gd name="connsiteX1" fmla="*/ 2216150 w 2219418"/>
                    <a:gd name="connsiteY1" fmla="*/ 437032 h 1643365"/>
                    <a:gd name="connsiteX2" fmla="*/ 1931 w 2219418"/>
                    <a:gd name="connsiteY2" fmla="*/ 1643365 h 1643365"/>
                    <a:gd name="connsiteX3" fmla="*/ 0 w 2219418"/>
                    <a:gd name="connsiteY3" fmla="*/ 1094472 h 1643365"/>
                    <a:gd name="connsiteX4" fmla="*/ 2219418 w 2219418"/>
                    <a:gd name="connsiteY4" fmla="*/ 0 h 1643365"/>
                    <a:gd name="connsiteX0" fmla="*/ 2225133 w 2225133"/>
                    <a:gd name="connsiteY0" fmla="*/ 0 h 1643365"/>
                    <a:gd name="connsiteX1" fmla="*/ 2221865 w 2225133"/>
                    <a:gd name="connsiteY1" fmla="*/ 437032 h 1643365"/>
                    <a:gd name="connsiteX2" fmla="*/ 7646 w 2225133"/>
                    <a:gd name="connsiteY2" fmla="*/ 1643365 h 1643365"/>
                    <a:gd name="connsiteX3" fmla="*/ 0 w 2225133"/>
                    <a:gd name="connsiteY3" fmla="*/ 1094472 h 1643365"/>
                    <a:gd name="connsiteX4" fmla="*/ 2225133 w 2225133"/>
                    <a:gd name="connsiteY4" fmla="*/ 0 h 1643365"/>
                    <a:gd name="connsiteX0" fmla="*/ 2222275 w 2222275"/>
                    <a:gd name="connsiteY0" fmla="*/ 0 h 1643365"/>
                    <a:gd name="connsiteX1" fmla="*/ 2219007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22275 w 2222275"/>
                    <a:gd name="connsiteY0" fmla="*/ 0 h 1643365"/>
                    <a:gd name="connsiteX1" fmla="*/ 2209014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22275 w 2222275"/>
                    <a:gd name="connsiteY0" fmla="*/ 0 h 1643365"/>
                    <a:gd name="connsiteX1" fmla="*/ 2209014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07285 w 2209207"/>
                    <a:gd name="connsiteY0" fmla="*/ 0 h 1630873"/>
                    <a:gd name="connsiteX1" fmla="*/ 2209014 w 2209207"/>
                    <a:gd name="connsiteY1" fmla="*/ 424540 h 1630873"/>
                    <a:gd name="connsiteX2" fmla="*/ 4788 w 2209207"/>
                    <a:gd name="connsiteY2" fmla="*/ 1630873 h 1630873"/>
                    <a:gd name="connsiteX3" fmla="*/ 0 w 2209207"/>
                    <a:gd name="connsiteY3" fmla="*/ 1073408 h 1630873"/>
                    <a:gd name="connsiteX4" fmla="*/ 2207285 w 2209207"/>
                    <a:gd name="connsiteY4" fmla="*/ 0 h 1630873"/>
                    <a:gd name="connsiteX0" fmla="*/ 2207285 w 2209207"/>
                    <a:gd name="connsiteY0" fmla="*/ 0 h 1630873"/>
                    <a:gd name="connsiteX1" fmla="*/ 2209014 w 2209207"/>
                    <a:gd name="connsiteY1" fmla="*/ 424540 h 1630873"/>
                    <a:gd name="connsiteX2" fmla="*/ 4788 w 2209207"/>
                    <a:gd name="connsiteY2" fmla="*/ 1630873 h 1630873"/>
                    <a:gd name="connsiteX3" fmla="*/ 0 w 2209207"/>
                    <a:gd name="connsiteY3" fmla="*/ 1073408 h 1630873"/>
                    <a:gd name="connsiteX4" fmla="*/ 2207285 w 2209207"/>
                    <a:gd name="connsiteY4" fmla="*/ 0 h 1630873"/>
                    <a:gd name="connsiteX0" fmla="*/ 2214780 w 2214780"/>
                    <a:gd name="connsiteY0" fmla="*/ 0 h 1630873"/>
                    <a:gd name="connsiteX1" fmla="*/ 2209014 w 2214780"/>
                    <a:gd name="connsiteY1" fmla="*/ 424540 h 1630873"/>
                    <a:gd name="connsiteX2" fmla="*/ 4788 w 2214780"/>
                    <a:gd name="connsiteY2" fmla="*/ 1630873 h 1630873"/>
                    <a:gd name="connsiteX3" fmla="*/ 0 w 2214780"/>
                    <a:gd name="connsiteY3" fmla="*/ 1073408 h 1630873"/>
                    <a:gd name="connsiteX4" fmla="*/ 2214780 w 2214780"/>
                    <a:gd name="connsiteY4" fmla="*/ 0 h 1630873"/>
                    <a:gd name="connsiteX0" fmla="*/ 2214780 w 2214780"/>
                    <a:gd name="connsiteY0" fmla="*/ 0 h 1633785"/>
                    <a:gd name="connsiteX1" fmla="*/ 2209014 w 2214780"/>
                    <a:gd name="connsiteY1" fmla="*/ 424540 h 1633785"/>
                    <a:gd name="connsiteX2" fmla="*/ 4788 w 2214780"/>
                    <a:gd name="connsiteY2" fmla="*/ 1633785 h 1633785"/>
                    <a:gd name="connsiteX3" fmla="*/ 0 w 2214780"/>
                    <a:gd name="connsiteY3" fmla="*/ 1073408 h 1633785"/>
                    <a:gd name="connsiteX4" fmla="*/ 2214780 w 2214780"/>
                    <a:gd name="connsiteY4" fmla="*/ 0 h 1633785"/>
                    <a:gd name="connsiteX0" fmla="*/ 2214780 w 2214780"/>
                    <a:gd name="connsiteY0" fmla="*/ 0 h 5265594"/>
                    <a:gd name="connsiteX1" fmla="*/ 2209014 w 2214780"/>
                    <a:gd name="connsiteY1" fmla="*/ 424540 h 5265594"/>
                    <a:gd name="connsiteX2" fmla="*/ 30408 w 2214780"/>
                    <a:gd name="connsiteY2" fmla="*/ 5265594 h 5265594"/>
                    <a:gd name="connsiteX3" fmla="*/ 0 w 2214780"/>
                    <a:gd name="connsiteY3" fmla="*/ 1073408 h 5265594"/>
                    <a:gd name="connsiteX4" fmla="*/ 2214780 w 2214780"/>
                    <a:gd name="connsiteY4" fmla="*/ 0 h 5265594"/>
                    <a:gd name="connsiteX0" fmla="*/ 2214780 w 2214780"/>
                    <a:gd name="connsiteY0" fmla="*/ 0 h 5265594"/>
                    <a:gd name="connsiteX1" fmla="*/ 2196203 w 2214780"/>
                    <a:gd name="connsiteY1" fmla="*/ 4812175 h 5265594"/>
                    <a:gd name="connsiteX2" fmla="*/ 30408 w 2214780"/>
                    <a:gd name="connsiteY2" fmla="*/ 5265594 h 5265594"/>
                    <a:gd name="connsiteX3" fmla="*/ 0 w 2214780"/>
                    <a:gd name="connsiteY3" fmla="*/ 1073408 h 5265594"/>
                    <a:gd name="connsiteX4" fmla="*/ 2214780 w 2214780"/>
                    <a:gd name="connsiteY4" fmla="*/ 0 h 5265594"/>
                    <a:gd name="connsiteX0" fmla="*/ 2214780 w 2214780"/>
                    <a:gd name="connsiteY0" fmla="*/ 0 h 5265594"/>
                    <a:gd name="connsiteX1" fmla="*/ 2202039 w 2214780"/>
                    <a:gd name="connsiteY1" fmla="*/ 4152762 h 5265594"/>
                    <a:gd name="connsiteX2" fmla="*/ 30408 w 2214780"/>
                    <a:gd name="connsiteY2" fmla="*/ 5265594 h 5265594"/>
                    <a:gd name="connsiteX3" fmla="*/ 0 w 2214780"/>
                    <a:gd name="connsiteY3" fmla="*/ 1073408 h 5265594"/>
                    <a:gd name="connsiteX4" fmla="*/ 2214780 w 2214780"/>
                    <a:gd name="connsiteY4" fmla="*/ 0 h 5265594"/>
                    <a:gd name="connsiteX0" fmla="*/ 2214780 w 2214780"/>
                    <a:gd name="connsiteY0" fmla="*/ 0 h 5265594"/>
                    <a:gd name="connsiteX1" fmla="*/ 2186336 w 2214780"/>
                    <a:gd name="connsiteY1" fmla="*/ 3963670 h 5265594"/>
                    <a:gd name="connsiteX2" fmla="*/ 30408 w 2214780"/>
                    <a:gd name="connsiteY2" fmla="*/ 5265594 h 5265594"/>
                    <a:gd name="connsiteX3" fmla="*/ 0 w 2214780"/>
                    <a:gd name="connsiteY3" fmla="*/ 1073408 h 5265594"/>
                    <a:gd name="connsiteX4" fmla="*/ 2214780 w 2214780"/>
                    <a:gd name="connsiteY4" fmla="*/ 0 h 5265594"/>
                    <a:gd name="connsiteX0" fmla="*/ 2214780 w 2214780"/>
                    <a:gd name="connsiteY0" fmla="*/ 0 h 5265594"/>
                    <a:gd name="connsiteX1" fmla="*/ 2186336 w 2214780"/>
                    <a:gd name="connsiteY1" fmla="*/ 3963670 h 5265594"/>
                    <a:gd name="connsiteX2" fmla="*/ 30408 w 2214780"/>
                    <a:gd name="connsiteY2" fmla="*/ 5265594 h 5265594"/>
                    <a:gd name="connsiteX3" fmla="*/ 0 w 2214780"/>
                    <a:gd name="connsiteY3" fmla="*/ 1073408 h 5265594"/>
                    <a:gd name="connsiteX4" fmla="*/ 2214780 w 2214780"/>
                    <a:gd name="connsiteY4" fmla="*/ 0 h 5265594"/>
                    <a:gd name="connsiteX0" fmla="*/ 2214780 w 2215282"/>
                    <a:gd name="connsiteY0" fmla="*/ 0 h 5265594"/>
                    <a:gd name="connsiteX1" fmla="*/ 2209891 w 2215282"/>
                    <a:gd name="connsiteY1" fmla="*/ 3952211 h 5265594"/>
                    <a:gd name="connsiteX2" fmla="*/ 30408 w 2215282"/>
                    <a:gd name="connsiteY2" fmla="*/ 5265594 h 5265594"/>
                    <a:gd name="connsiteX3" fmla="*/ 0 w 2215282"/>
                    <a:gd name="connsiteY3" fmla="*/ 1073408 h 5265594"/>
                    <a:gd name="connsiteX4" fmla="*/ 2214780 w 2215282"/>
                    <a:gd name="connsiteY4" fmla="*/ 0 h 5265594"/>
                    <a:gd name="connsiteX0" fmla="*/ 2214780 w 2215282"/>
                    <a:gd name="connsiteY0" fmla="*/ 0 h 5265594"/>
                    <a:gd name="connsiteX1" fmla="*/ 2209891 w 2215282"/>
                    <a:gd name="connsiteY1" fmla="*/ 3952211 h 5265594"/>
                    <a:gd name="connsiteX2" fmla="*/ 30408 w 2215282"/>
                    <a:gd name="connsiteY2" fmla="*/ 5265594 h 5265594"/>
                    <a:gd name="connsiteX3" fmla="*/ 0 w 2215282"/>
                    <a:gd name="connsiteY3" fmla="*/ 1073408 h 5265594"/>
                    <a:gd name="connsiteX4" fmla="*/ 2214780 w 2215282"/>
                    <a:gd name="connsiteY4" fmla="*/ 0 h 5265594"/>
                    <a:gd name="connsiteX0" fmla="*/ 2214780 w 2215282"/>
                    <a:gd name="connsiteY0" fmla="*/ 0 h 5265594"/>
                    <a:gd name="connsiteX1" fmla="*/ 2209891 w 2215282"/>
                    <a:gd name="connsiteY1" fmla="*/ 3952211 h 5265594"/>
                    <a:gd name="connsiteX2" fmla="*/ 30408 w 2215282"/>
                    <a:gd name="connsiteY2" fmla="*/ 5265594 h 5265594"/>
                    <a:gd name="connsiteX3" fmla="*/ 0 w 2215282"/>
                    <a:gd name="connsiteY3" fmla="*/ 1073408 h 5265594"/>
                    <a:gd name="connsiteX4" fmla="*/ 2214780 w 2215282"/>
                    <a:gd name="connsiteY4" fmla="*/ 0 h 5265594"/>
                    <a:gd name="connsiteX0" fmla="*/ 2206929 w 2213050"/>
                    <a:gd name="connsiteY0" fmla="*/ 0 h 4893141"/>
                    <a:gd name="connsiteX1" fmla="*/ 2209891 w 2213050"/>
                    <a:gd name="connsiteY1" fmla="*/ 3579758 h 4893141"/>
                    <a:gd name="connsiteX2" fmla="*/ 30408 w 2213050"/>
                    <a:gd name="connsiteY2" fmla="*/ 4893141 h 4893141"/>
                    <a:gd name="connsiteX3" fmla="*/ 0 w 2213050"/>
                    <a:gd name="connsiteY3" fmla="*/ 700955 h 4893141"/>
                    <a:gd name="connsiteX4" fmla="*/ 2206929 w 2213050"/>
                    <a:gd name="connsiteY4" fmla="*/ 0 h 4893141"/>
                    <a:gd name="connsiteX0" fmla="*/ 2206930 w 2213050"/>
                    <a:gd name="connsiteY0" fmla="*/ 0 h 4875950"/>
                    <a:gd name="connsiteX1" fmla="*/ 2209891 w 2213050"/>
                    <a:gd name="connsiteY1" fmla="*/ 3562567 h 4875950"/>
                    <a:gd name="connsiteX2" fmla="*/ 30408 w 2213050"/>
                    <a:gd name="connsiteY2" fmla="*/ 4875950 h 4875950"/>
                    <a:gd name="connsiteX3" fmla="*/ 0 w 2213050"/>
                    <a:gd name="connsiteY3" fmla="*/ 683764 h 4875950"/>
                    <a:gd name="connsiteX4" fmla="*/ 2206930 w 2213050"/>
                    <a:gd name="connsiteY4" fmla="*/ 0 h 4875950"/>
                    <a:gd name="connsiteX0" fmla="*/ 2206930 w 2213050"/>
                    <a:gd name="connsiteY0" fmla="*/ 0 h 4893141"/>
                    <a:gd name="connsiteX1" fmla="*/ 2209891 w 2213050"/>
                    <a:gd name="connsiteY1" fmla="*/ 3579758 h 4893141"/>
                    <a:gd name="connsiteX2" fmla="*/ 30408 w 2213050"/>
                    <a:gd name="connsiteY2" fmla="*/ 4893141 h 4893141"/>
                    <a:gd name="connsiteX3" fmla="*/ 0 w 2213050"/>
                    <a:gd name="connsiteY3" fmla="*/ 700955 h 4893141"/>
                    <a:gd name="connsiteX4" fmla="*/ 2206930 w 2213050"/>
                    <a:gd name="connsiteY4" fmla="*/ 0 h 489314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13050" h="4893141">
                      <a:moveTo>
                        <a:pt x="2206930" y="0"/>
                      </a:moveTo>
                      <a:cubicBezTo>
                        <a:pt x="2205841" y="52363"/>
                        <a:pt x="2218833" y="3291728"/>
                        <a:pt x="2209891" y="3579758"/>
                      </a:cubicBezTo>
                      <a:cubicBezTo>
                        <a:pt x="1553665" y="3982840"/>
                        <a:pt x="678781" y="4507250"/>
                        <a:pt x="30408" y="4893141"/>
                      </a:cubicBezTo>
                      <a:cubicBezTo>
                        <a:pt x="29764" y="4710177"/>
                        <a:pt x="644" y="883919"/>
                        <a:pt x="0" y="700955"/>
                      </a:cubicBezTo>
                      <a:lnTo>
                        <a:pt x="2206930" y="0"/>
                      </a:lnTo>
                      <a:close/>
                    </a:path>
                  </a:pathLst>
                </a:custGeom>
                <a:solidFill>
                  <a:srgbClr val="EAEAEA">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sp>
              <p:nvSpPr>
                <p:cNvPr id="47" name="Freeform: Shape 46">
                  <a:extLst>
                    <a:ext uri="{FF2B5EF4-FFF2-40B4-BE49-F238E27FC236}">
                      <a16:creationId xmlns:a16="http://schemas.microsoft.com/office/drawing/2014/main" id="{5C102219-2B99-4973-8309-8DE57C2799EC}"/>
                    </a:ext>
                  </a:extLst>
                </p:cNvPr>
                <p:cNvSpPr/>
                <p:nvPr/>
              </p:nvSpPr>
              <p:spPr>
                <a:xfrm>
                  <a:off x="3526316" y="3040784"/>
                  <a:ext cx="2800918" cy="4854232"/>
                </a:xfrm>
                <a:custGeom>
                  <a:avLst/>
                  <a:gdLst>
                    <a:gd name="connsiteX0" fmla="*/ 2782957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2957 w 2790908"/>
                    <a:gd name="connsiteY4" fmla="*/ 1009816 h 1566407"/>
                    <a:gd name="connsiteX0" fmla="*/ 2785762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5762 w 2790908"/>
                    <a:gd name="connsiteY4" fmla="*/ 1009816 h 1566407"/>
                    <a:gd name="connsiteX0" fmla="*/ 2788567 w 2790908"/>
                    <a:gd name="connsiteY0" fmla="*/ 1004206 h 1566407"/>
                    <a:gd name="connsiteX1" fmla="*/ 2790908 w 2790908"/>
                    <a:gd name="connsiteY1" fmla="*/ 1566407 h 1566407"/>
                    <a:gd name="connsiteX2" fmla="*/ 23854 w 2790908"/>
                    <a:gd name="connsiteY2" fmla="*/ 516835 h 1566407"/>
                    <a:gd name="connsiteX3" fmla="*/ 0 w 2790908"/>
                    <a:gd name="connsiteY3" fmla="*/ 0 h 1566407"/>
                    <a:gd name="connsiteX4" fmla="*/ 2788567 w 2790908"/>
                    <a:gd name="connsiteY4" fmla="*/ 1004206 h 1566407"/>
                    <a:gd name="connsiteX0" fmla="*/ 2788567 w 2790908"/>
                    <a:gd name="connsiteY0" fmla="*/ 1004206 h 1566407"/>
                    <a:gd name="connsiteX1" fmla="*/ 2790908 w 2790908"/>
                    <a:gd name="connsiteY1" fmla="*/ 1566407 h 1566407"/>
                    <a:gd name="connsiteX2" fmla="*/ 7024 w 2790908"/>
                    <a:gd name="connsiteY2" fmla="*/ 516835 h 1566407"/>
                    <a:gd name="connsiteX3" fmla="*/ 0 w 2790908"/>
                    <a:gd name="connsiteY3" fmla="*/ 0 h 1566407"/>
                    <a:gd name="connsiteX4" fmla="*/ 2788567 w 2790908"/>
                    <a:gd name="connsiteY4" fmla="*/ 1004206 h 1566407"/>
                    <a:gd name="connsiteX0" fmla="*/ 2782957 w 2785298"/>
                    <a:gd name="connsiteY0" fmla="*/ 1009816 h 1572017"/>
                    <a:gd name="connsiteX1" fmla="*/ 2785298 w 2785298"/>
                    <a:gd name="connsiteY1" fmla="*/ 1572017 h 1572017"/>
                    <a:gd name="connsiteX2" fmla="*/ 1414 w 2785298"/>
                    <a:gd name="connsiteY2" fmla="*/ 522445 h 1572017"/>
                    <a:gd name="connsiteX3" fmla="*/ 0 w 2785298"/>
                    <a:gd name="connsiteY3" fmla="*/ 0 h 1572017"/>
                    <a:gd name="connsiteX4" fmla="*/ 2782957 w 2785298"/>
                    <a:gd name="connsiteY4" fmla="*/ 1009816 h 1572017"/>
                    <a:gd name="connsiteX0" fmla="*/ 2782091 w 2784432"/>
                    <a:gd name="connsiteY0" fmla="*/ 1012621 h 1574822"/>
                    <a:gd name="connsiteX1" fmla="*/ 2784432 w 2784432"/>
                    <a:gd name="connsiteY1" fmla="*/ 1574822 h 1574822"/>
                    <a:gd name="connsiteX2" fmla="*/ 548 w 2784432"/>
                    <a:gd name="connsiteY2" fmla="*/ 525250 h 1574822"/>
                    <a:gd name="connsiteX3" fmla="*/ 1939 w 2784432"/>
                    <a:gd name="connsiteY3" fmla="*/ 0 h 1574822"/>
                    <a:gd name="connsiteX4" fmla="*/ 2782091 w 2784432"/>
                    <a:gd name="connsiteY4" fmla="*/ 1012621 h 1574822"/>
                    <a:gd name="connsiteX0" fmla="*/ 2781862 w 2784203"/>
                    <a:gd name="connsiteY0" fmla="*/ 1007289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07289 h 1569490"/>
                    <a:gd name="connsiteX0" fmla="*/ 2781862 w 2784203"/>
                    <a:gd name="connsiteY0" fmla="*/ 1017953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17953 h 1569490"/>
                    <a:gd name="connsiteX0" fmla="*/ 2774820 w 2777161"/>
                    <a:gd name="connsiteY0" fmla="*/ 1017953 h 1569490"/>
                    <a:gd name="connsiteX1" fmla="*/ 2777161 w 2777161"/>
                    <a:gd name="connsiteY1" fmla="*/ 1569490 h 1569490"/>
                    <a:gd name="connsiteX2" fmla="*/ 3941 w 2777161"/>
                    <a:gd name="connsiteY2" fmla="*/ 517252 h 1569490"/>
                    <a:gd name="connsiteX3" fmla="*/ 0 w 2777161"/>
                    <a:gd name="connsiteY3" fmla="*/ 0 h 1569490"/>
                    <a:gd name="connsiteX4" fmla="*/ 2774820 w 2777161"/>
                    <a:gd name="connsiteY4" fmla="*/ 1017953 h 1569490"/>
                    <a:gd name="connsiteX0" fmla="*/ 2774820 w 2779827"/>
                    <a:gd name="connsiteY0" fmla="*/ 1017953 h 1582819"/>
                    <a:gd name="connsiteX1" fmla="*/ 2779827 w 2779827"/>
                    <a:gd name="connsiteY1" fmla="*/ 1582819 h 1582819"/>
                    <a:gd name="connsiteX2" fmla="*/ 3941 w 2779827"/>
                    <a:gd name="connsiteY2" fmla="*/ 517252 h 1582819"/>
                    <a:gd name="connsiteX3" fmla="*/ 0 w 2779827"/>
                    <a:gd name="connsiteY3" fmla="*/ 0 h 1582819"/>
                    <a:gd name="connsiteX4" fmla="*/ 2774820 w 2779827"/>
                    <a:gd name="connsiteY4" fmla="*/ 1017953 h 1582819"/>
                    <a:gd name="connsiteX0" fmla="*/ 2783235 w 2783513"/>
                    <a:gd name="connsiteY0" fmla="*/ 1020758 h 1582819"/>
                    <a:gd name="connsiteX1" fmla="*/ 2779827 w 2783513"/>
                    <a:gd name="connsiteY1" fmla="*/ 1582819 h 1582819"/>
                    <a:gd name="connsiteX2" fmla="*/ 3941 w 2783513"/>
                    <a:gd name="connsiteY2" fmla="*/ 517252 h 1582819"/>
                    <a:gd name="connsiteX3" fmla="*/ 0 w 2783513"/>
                    <a:gd name="connsiteY3" fmla="*/ 0 h 1582819"/>
                    <a:gd name="connsiteX4" fmla="*/ 2783235 w 2783513"/>
                    <a:gd name="connsiteY4" fmla="*/ 1020758 h 1582819"/>
                    <a:gd name="connsiteX0" fmla="*/ 2783235 w 2788242"/>
                    <a:gd name="connsiteY0" fmla="*/ 1020758 h 1582819"/>
                    <a:gd name="connsiteX1" fmla="*/ 2788242 w 2788242"/>
                    <a:gd name="connsiteY1" fmla="*/ 1582819 h 1582819"/>
                    <a:gd name="connsiteX2" fmla="*/ 3941 w 2788242"/>
                    <a:gd name="connsiteY2" fmla="*/ 517252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5829 w 2790836"/>
                    <a:gd name="connsiteY0" fmla="*/ 1020758 h 1582819"/>
                    <a:gd name="connsiteX1" fmla="*/ 2790836 w 2790836"/>
                    <a:gd name="connsiteY1" fmla="*/ 1582819 h 1582819"/>
                    <a:gd name="connsiteX2" fmla="*/ 499 w 2790836"/>
                    <a:gd name="connsiteY2" fmla="*/ 419372 h 1582819"/>
                    <a:gd name="connsiteX3" fmla="*/ 2594 w 2790836"/>
                    <a:gd name="connsiteY3" fmla="*/ 0 h 1582819"/>
                    <a:gd name="connsiteX4" fmla="*/ 2785829 w 2790836"/>
                    <a:gd name="connsiteY4" fmla="*/ 1020758 h 1582819"/>
                    <a:gd name="connsiteX0" fmla="*/ 2786253 w 2791260"/>
                    <a:gd name="connsiteY0" fmla="*/ 1017740 h 1579801"/>
                    <a:gd name="connsiteX1" fmla="*/ 2791260 w 2791260"/>
                    <a:gd name="connsiteY1" fmla="*/ 1579801 h 1579801"/>
                    <a:gd name="connsiteX2" fmla="*/ 923 w 2791260"/>
                    <a:gd name="connsiteY2" fmla="*/ 416354 h 1579801"/>
                    <a:gd name="connsiteX3" fmla="*/ 0 w 2791260"/>
                    <a:gd name="connsiteY3" fmla="*/ 0 h 1579801"/>
                    <a:gd name="connsiteX4" fmla="*/ 2786253 w 2791260"/>
                    <a:gd name="connsiteY4" fmla="*/ 1017740 h 1579801"/>
                    <a:gd name="connsiteX0" fmla="*/ 2786253 w 2802931"/>
                    <a:gd name="connsiteY0" fmla="*/ 1017740 h 4159099"/>
                    <a:gd name="connsiteX1" fmla="*/ 2802931 w 2802931"/>
                    <a:gd name="connsiteY1" fmla="*/ 4159099 h 4159099"/>
                    <a:gd name="connsiteX2" fmla="*/ 923 w 2802931"/>
                    <a:gd name="connsiteY2" fmla="*/ 416354 h 4159099"/>
                    <a:gd name="connsiteX3" fmla="*/ 0 w 2802931"/>
                    <a:gd name="connsiteY3" fmla="*/ 0 h 4159099"/>
                    <a:gd name="connsiteX4" fmla="*/ 2786253 w 2802931"/>
                    <a:gd name="connsiteY4" fmla="*/ 1017740 h 4159099"/>
                    <a:gd name="connsiteX0" fmla="*/ 2786253 w 2808767"/>
                    <a:gd name="connsiteY0" fmla="*/ 1017740 h 5209492"/>
                    <a:gd name="connsiteX1" fmla="*/ 2808767 w 2808767"/>
                    <a:gd name="connsiteY1" fmla="*/ 5209492 h 5209492"/>
                    <a:gd name="connsiteX2" fmla="*/ 923 w 2808767"/>
                    <a:gd name="connsiteY2" fmla="*/ 416354 h 5209492"/>
                    <a:gd name="connsiteX3" fmla="*/ 0 w 2808767"/>
                    <a:gd name="connsiteY3" fmla="*/ 0 h 5209492"/>
                    <a:gd name="connsiteX4" fmla="*/ 2786253 w 2808767"/>
                    <a:gd name="connsiteY4" fmla="*/ 1017740 h 5209492"/>
                    <a:gd name="connsiteX0" fmla="*/ 2786253 w 2808767"/>
                    <a:gd name="connsiteY0" fmla="*/ 1017740 h 5209492"/>
                    <a:gd name="connsiteX1" fmla="*/ 2808767 w 2808767"/>
                    <a:gd name="connsiteY1" fmla="*/ 5209492 h 5209492"/>
                    <a:gd name="connsiteX2" fmla="*/ 12595 w 2808767"/>
                    <a:gd name="connsiteY2" fmla="*/ 4384500 h 5209492"/>
                    <a:gd name="connsiteX3" fmla="*/ 0 w 2808767"/>
                    <a:gd name="connsiteY3" fmla="*/ 0 h 5209492"/>
                    <a:gd name="connsiteX4" fmla="*/ 2786253 w 2808767"/>
                    <a:gd name="connsiteY4" fmla="*/ 1017740 h 5209492"/>
                    <a:gd name="connsiteX0" fmla="*/ 2786253 w 2808767"/>
                    <a:gd name="connsiteY0" fmla="*/ 1017740 h 5209492"/>
                    <a:gd name="connsiteX1" fmla="*/ 2808767 w 2808767"/>
                    <a:gd name="connsiteY1" fmla="*/ 5209492 h 5209492"/>
                    <a:gd name="connsiteX2" fmla="*/ 12595 w 2808767"/>
                    <a:gd name="connsiteY2" fmla="*/ 4267790 h 5209492"/>
                    <a:gd name="connsiteX3" fmla="*/ 0 w 2808767"/>
                    <a:gd name="connsiteY3" fmla="*/ 0 h 5209492"/>
                    <a:gd name="connsiteX4" fmla="*/ 2786253 w 2808767"/>
                    <a:gd name="connsiteY4" fmla="*/ 1017740 h 5209492"/>
                    <a:gd name="connsiteX0" fmla="*/ 2786253 w 2808767"/>
                    <a:gd name="connsiteY0" fmla="*/ 1017740 h 5209492"/>
                    <a:gd name="connsiteX1" fmla="*/ 2808767 w 2808767"/>
                    <a:gd name="connsiteY1" fmla="*/ 5209492 h 5209492"/>
                    <a:gd name="connsiteX2" fmla="*/ 12595 w 2808767"/>
                    <a:gd name="connsiteY2" fmla="*/ 4040206 h 5209492"/>
                    <a:gd name="connsiteX3" fmla="*/ 0 w 2808767"/>
                    <a:gd name="connsiteY3" fmla="*/ 0 h 5209492"/>
                    <a:gd name="connsiteX4" fmla="*/ 2786253 w 2808767"/>
                    <a:gd name="connsiteY4" fmla="*/ 1017740 h 5209492"/>
                    <a:gd name="connsiteX0" fmla="*/ 2786253 w 2808767"/>
                    <a:gd name="connsiteY0" fmla="*/ 1017740 h 5209492"/>
                    <a:gd name="connsiteX1" fmla="*/ 2808767 w 2808767"/>
                    <a:gd name="connsiteY1" fmla="*/ 5209492 h 5209492"/>
                    <a:gd name="connsiteX2" fmla="*/ 12594 w 2808767"/>
                    <a:gd name="connsiteY2" fmla="*/ 3879765 h 5209492"/>
                    <a:gd name="connsiteX3" fmla="*/ 0 w 2808767"/>
                    <a:gd name="connsiteY3" fmla="*/ 0 h 5209492"/>
                    <a:gd name="connsiteX4" fmla="*/ 2786253 w 2808767"/>
                    <a:gd name="connsiteY4" fmla="*/ 1017740 h 5209492"/>
                    <a:gd name="connsiteX0" fmla="*/ 2786253 w 2808767"/>
                    <a:gd name="connsiteY0" fmla="*/ 1017740 h 5209492"/>
                    <a:gd name="connsiteX1" fmla="*/ 2808767 w 2808767"/>
                    <a:gd name="connsiteY1" fmla="*/ 5209492 h 5209492"/>
                    <a:gd name="connsiteX2" fmla="*/ 12594 w 2808767"/>
                    <a:gd name="connsiteY2" fmla="*/ 3879765 h 5209492"/>
                    <a:gd name="connsiteX3" fmla="*/ 0 w 2808767"/>
                    <a:gd name="connsiteY3" fmla="*/ 0 h 5209492"/>
                    <a:gd name="connsiteX4" fmla="*/ 2786253 w 2808767"/>
                    <a:gd name="connsiteY4" fmla="*/ 1017740 h 5209492"/>
                    <a:gd name="connsiteX0" fmla="*/ 2786253 w 2808767"/>
                    <a:gd name="connsiteY0" fmla="*/ 1017740 h 5209492"/>
                    <a:gd name="connsiteX1" fmla="*/ 2808767 w 2808767"/>
                    <a:gd name="connsiteY1" fmla="*/ 5209492 h 5209492"/>
                    <a:gd name="connsiteX2" fmla="*/ 12594 w 2808767"/>
                    <a:gd name="connsiteY2" fmla="*/ 3879765 h 5209492"/>
                    <a:gd name="connsiteX3" fmla="*/ 0 w 2808767"/>
                    <a:gd name="connsiteY3" fmla="*/ 0 h 5209492"/>
                    <a:gd name="connsiteX4" fmla="*/ 2786253 w 2808767"/>
                    <a:gd name="connsiteY4" fmla="*/ 1017740 h 5209492"/>
                    <a:gd name="connsiteX0" fmla="*/ 2778402 w 2800916"/>
                    <a:gd name="connsiteY0" fmla="*/ 662476 h 4854228"/>
                    <a:gd name="connsiteX1" fmla="*/ 2800916 w 2800916"/>
                    <a:gd name="connsiteY1" fmla="*/ 4854228 h 4854228"/>
                    <a:gd name="connsiteX2" fmla="*/ 4743 w 2800916"/>
                    <a:gd name="connsiteY2" fmla="*/ 3524501 h 4854228"/>
                    <a:gd name="connsiteX3" fmla="*/ 0 w 2800916"/>
                    <a:gd name="connsiteY3" fmla="*/ 0 h 4854228"/>
                    <a:gd name="connsiteX4" fmla="*/ 2778402 w 2800916"/>
                    <a:gd name="connsiteY4" fmla="*/ 662476 h 4854228"/>
                    <a:gd name="connsiteX0" fmla="*/ 2778402 w 2800916"/>
                    <a:gd name="connsiteY0" fmla="*/ 662476 h 4854228"/>
                    <a:gd name="connsiteX1" fmla="*/ 2800916 w 2800916"/>
                    <a:gd name="connsiteY1" fmla="*/ 4854228 h 4854228"/>
                    <a:gd name="connsiteX2" fmla="*/ 4744 w 2800916"/>
                    <a:gd name="connsiteY2" fmla="*/ 3463491 h 4854228"/>
                    <a:gd name="connsiteX3" fmla="*/ 0 w 2800916"/>
                    <a:gd name="connsiteY3" fmla="*/ 0 h 4854228"/>
                    <a:gd name="connsiteX4" fmla="*/ 2778402 w 2800916"/>
                    <a:gd name="connsiteY4" fmla="*/ 662476 h 485422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800916" h="4854228">
                      <a:moveTo>
                        <a:pt x="2778402" y="662476"/>
                      </a:moveTo>
                      <a:cubicBezTo>
                        <a:pt x="2780117" y="848006"/>
                        <a:pt x="2799201" y="4668698"/>
                        <a:pt x="2800916" y="4854228"/>
                      </a:cubicBezTo>
                      <a:lnTo>
                        <a:pt x="4744" y="3463491"/>
                      </a:lnTo>
                      <a:cubicBezTo>
                        <a:pt x="2403" y="3291213"/>
                        <a:pt x="2341" y="172278"/>
                        <a:pt x="0" y="0"/>
                      </a:cubicBezTo>
                      <a:lnTo>
                        <a:pt x="2778402" y="662476"/>
                      </a:lnTo>
                      <a:close/>
                    </a:path>
                  </a:pathLst>
                </a:custGeom>
                <a:solidFill>
                  <a:srgbClr val="EAEAEA">
                    <a:alpha val="2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400" b="0" i="0" u="none" strike="noStrike" kern="1200" cap="none" spc="0" normalizeH="0" baseline="0" noProof="0" err="1">
                    <a:ln>
                      <a:noFill/>
                    </a:ln>
                    <a:solidFill>
                      <a:prstClr val="white"/>
                    </a:solidFill>
                    <a:effectLst/>
                    <a:uLnTx/>
                    <a:uFillTx/>
                    <a:latin typeface="Open Sans"/>
                    <a:ea typeface="+mn-ea"/>
                    <a:cs typeface="+mn-cs"/>
                  </a:endParaRPr>
                </a:p>
              </p:txBody>
            </p:sp>
          </p:grpSp>
          <p:sp>
            <p:nvSpPr>
              <p:cNvPr id="42" name="Oval 41">
                <a:extLst>
                  <a:ext uri="{FF2B5EF4-FFF2-40B4-BE49-F238E27FC236}">
                    <a16:creationId xmlns:a16="http://schemas.microsoft.com/office/drawing/2014/main" id="{AB8251D9-69AD-4567-AEEE-6F0AE760EABA}"/>
                  </a:ext>
                </a:extLst>
              </p:cNvPr>
              <p:cNvSpPr/>
              <p:nvPr/>
            </p:nvSpPr>
            <p:spPr>
              <a:xfrm>
                <a:off x="1590228" y="3377184"/>
                <a:ext cx="361920" cy="45719"/>
              </a:xfrm>
              <a:prstGeom prst="ellipse">
                <a:avLst/>
              </a:prstGeom>
              <a:gradFill flip="none" rotWithShape="1">
                <a:gsLst>
                  <a:gs pos="0">
                    <a:schemeClr val="accent2">
                      <a:alpha val="0"/>
                    </a:schemeClr>
                  </a:gs>
                  <a:gs pos="50000">
                    <a:schemeClr val="accent2">
                      <a:alpha val="38000"/>
                    </a:schemeClr>
                  </a:gs>
                  <a:gs pos="100000">
                    <a:schemeClr val="accent2">
                      <a:alpha val="0"/>
                    </a:schemeClr>
                  </a:gs>
                </a:gsLst>
                <a:path path="circle">
                  <a:fillToRect l="100000" t="100000"/>
                </a:path>
                <a:tileRect r="-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999" b="0" i="0" u="none" strike="noStrike" kern="1200" cap="none" spc="0" normalizeH="0" baseline="0" noProof="0" err="1">
                  <a:ln>
                    <a:noFill/>
                  </a:ln>
                  <a:solidFill>
                    <a:prstClr val="white"/>
                  </a:solidFill>
                  <a:effectLst/>
                  <a:uLnTx/>
                  <a:uFillTx/>
                  <a:latin typeface="Open Sans"/>
                  <a:ea typeface="+mn-ea"/>
                  <a:cs typeface="+mn-cs"/>
                </a:endParaRPr>
              </a:p>
            </p:txBody>
          </p:sp>
          <p:sp>
            <p:nvSpPr>
              <p:cNvPr id="43" name="Oval 42">
                <a:extLst>
                  <a:ext uri="{FF2B5EF4-FFF2-40B4-BE49-F238E27FC236}">
                    <a16:creationId xmlns:a16="http://schemas.microsoft.com/office/drawing/2014/main" id="{DC8E1424-8AB4-4B83-88C0-7837548B0341}"/>
                  </a:ext>
                </a:extLst>
              </p:cNvPr>
              <p:cNvSpPr/>
              <p:nvPr/>
            </p:nvSpPr>
            <p:spPr>
              <a:xfrm>
                <a:off x="1960781" y="3384595"/>
                <a:ext cx="361920" cy="45719"/>
              </a:xfrm>
              <a:prstGeom prst="ellipse">
                <a:avLst/>
              </a:prstGeom>
              <a:gradFill flip="none" rotWithShape="1">
                <a:gsLst>
                  <a:gs pos="0">
                    <a:schemeClr val="accent2">
                      <a:alpha val="0"/>
                    </a:schemeClr>
                  </a:gs>
                  <a:gs pos="50000">
                    <a:schemeClr val="accent2">
                      <a:alpha val="38000"/>
                    </a:schemeClr>
                  </a:gs>
                  <a:gs pos="100000">
                    <a:schemeClr val="accent2">
                      <a:alpha val="0"/>
                    </a:schemeClr>
                  </a:gs>
                </a:gsLst>
                <a:path path="circle">
                  <a:fillToRect l="100000" t="100000"/>
                </a:path>
                <a:tileRect r="-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999" b="0" i="0" u="none" strike="noStrike" kern="1200" cap="none" spc="0" normalizeH="0" baseline="0" noProof="0" err="1">
                  <a:ln>
                    <a:noFill/>
                  </a:ln>
                  <a:solidFill>
                    <a:prstClr val="white"/>
                  </a:solidFill>
                  <a:effectLst/>
                  <a:uLnTx/>
                  <a:uFillTx/>
                  <a:latin typeface="Open Sans"/>
                  <a:ea typeface="+mn-ea"/>
                  <a:cs typeface="+mn-cs"/>
                </a:endParaRPr>
              </a:p>
            </p:txBody>
          </p:sp>
          <p:pic>
            <p:nvPicPr>
              <p:cNvPr id="44" name="Graphic 154">
                <a:extLst>
                  <a:ext uri="{FF2B5EF4-FFF2-40B4-BE49-F238E27FC236}">
                    <a16:creationId xmlns:a16="http://schemas.microsoft.com/office/drawing/2014/main" id="{7F827626-B094-40AB-AFAA-135F2BFA2931}"/>
                  </a:ext>
                </a:extLst>
              </p:cNvPr>
              <p:cNvPicPr>
                <a:picLocks noChangeAspect="1"/>
              </p:cNvPicPr>
              <p:nvPr/>
            </p:nvPicPr>
            <p:blipFill>
              <a:blip r:embed="rId18" cstate="screen">
                <a:extLst>
                  <a:ext uri="{28A0092B-C50C-407E-A947-70E740481C1C}">
                    <a14:useLocalDpi xmlns:a14="http://schemas.microsoft.com/office/drawing/2010/main"/>
                  </a:ext>
                </a:extLst>
              </a:blip>
              <a:stretch>
                <a:fillRect/>
              </a:stretch>
            </p:blipFill>
            <p:spPr>
              <a:xfrm>
                <a:off x="1633841" y="2653997"/>
                <a:ext cx="684150" cy="757571"/>
              </a:xfrm>
              <a:prstGeom prst="rect">
                <a:avLst/>
              </a:prstGeom>
            </p:spPr>
          </p:pic>
        </p:grpSp>
      </p:grpSp>
      <p:grpSp>
        <p:nvGrpSpPr>
          <p:cNvPr id="81" name="Group 80">
            <a:extLst>
              <a:ext uri="{FF2B5EF4-FFF2-40B4-BE49-F238E27FC236}">
                <a16:creationId xmlns:a16="http://schemas.microsoft.com/office/drawing/2014/main" id="{142F9832-4031-4E13-8D11-A5D7656CE99E}"/>
              </a:ext>
            </a:extLst>
          </p:cNvPr>
          <p:cNvGrpSpPr/>
          <p:nvPr/>
        </p:nvGrpSpPr>
        <p:grpSpPr>
          <a:xfrm>
            <a:off x="7472201" y="2358897"/>
            <a:ext cx="2198272" cy="3158142"/>
            <a:chOff x="9434280" y="2962137"/>
            <a:chExt cx="2119545" cy="3048217"/>
          </a:xfrm>
        </p:grpSpPr>
        <p:grpSp>
          <p:nvGrpSpPr>
            <p:cNvPr id="10" name="Hardware">
              <a:extLst>
                <a:ext uri="{FF2B5EF4-FFF2-40B4-BE49-F238E27FC236}">
                  <a16:creationId xmlns:a16="http://schemas.microsoft.com/office/drawing/2014/main" id="{3CC7789A-0B0F-4E99-82DC-47E1A77E35D9}"/>
                </a:ext>
              </a:extLst>
            </p:cNvPr>
            <p:cNvGrpSpPr/>
            <p:nvPr/>
          </p:nvGrpSpPr>
          <p:grpSpPr>
            <a:xfrm>
              <a:off x="9480349" y="4858919"/>
              <a:ext cx="2073476" cy="1151435"/>
              <a:chOff x="3485602" y="1482092"/>
              <a:chExt cx="4999192" cy="2776132"/>
            </a:xfrm>
          </p:grpSpPr>
          <p:sp>
            <p:nvSpPr>
              <p:cNvPr id="11" name="Freeform: Shape 10">
                <a:extLst>
                  <a:ext uri="{FF2B5EF4-FFF2-40B4-BE49-F238E27FC236}">
                    <a16:creationId xmlns:a16="http://schemas.microsoft.com/office/drawing/2014/main" id="{6D8EA740-2B17-45DD-941C-DBB1034AA846}"/>
                  </a:ext>
                </a:extLst>
              </p:cNvPr>
              <p:cNvSpPr/>
              <p:nvPr/>
            </p:nvSpPr>
            <p:spPr>
              <a:xfrm>
                <a:off x="3485602" y="1482092"/>
                <a:ext cx="4996741" cy="2222150"/>
              </a:xfrm>
              <a:custGeom>
                <a:avLst/>
                <a:gdLst>
                  <a:gd name="connsiteX0" fmla="*/ 2305879 w 5041127"/>
                  <a:gd name="connsiteY0" fmla="*/ 0 h 1956021"/>
                  <a:gd name="connsiteX1" fmla="*/ 5041127 w 5041127"/>
                  <a:gd name="connsiteY1" fmla="*/ 826936 h 1956021"/>
                  <a:gd name="connsiteX2" fmla="*/ 2782957 w 5041127"/>
                  <a:gd name="connsiteY2" fmla="*/ 1956021 h 1956021"/>
                  <a:gd name="connsiteX3" fmla="*/ 0 w 5041127"/>
                  <a:gd name="connsiteY3" fmla="*/ 954157 h 1956021"/>
                  <a:gd name="connsiteX4" fmla="*/ 2305879 w 5041127"/>
                  <a:gd name="connsiteY4" fmla="*/ 0 h 1956021"/>
                  <a:gd name="connsiteX0" fmla="*/ 2305879 w 5018688"/>
                  <a:gd name="connsiteY0" fmla="*/ 0 h 1956021"/>
                  <a:gd name="connsiteX1" fmla="*/ 5018688 w 5018688"/>
                  <a:gd name="connsiteY1" fmla="*/ 829741 h 1956021"/>
                  <a:gd name="connsiteX2" fmla="*/ 2782957 w 5018688"/>
                  <a:gd name="connsiteY2" fmla="*/ 1956021 h 1956021"/>
                  <a:gd name="connsiteX3" fmla="*/ 0 w 5018688"/>
                  <a:gd name="connsiteY3" fmla="*/ 954157 h 1956021"/>
                  <a:gd name="connsiteX4" fmla="*/ 2305879 w 5018688"/>
                  <a:gd name="connsiteY4" fmla="*/ 0 h 1956021"/>
                  <a:gd name="connsiteX0" fmla="*/ 2305879 w 5018688"/>
                  <a:gd name="connsiteY0" fmla="*/ 0 h 1956021"/>
                  <a:gd name="connsiteX1" fmla="*/ 5018688 w 5018688"/>
                  <a:gd name="connsiteY1" fmla="*/ 835351 h 1956021"/>
                  <a:gd name="connsiteX2" fmla="*/ 2782957 w 5018688"/>
                  <a:gd name="connsiteY2" fmla="*/ 1956021 h 1956021"/>
                  <a:gd name="connsiteX3" fmla="*/ 0 w 5018688"/>
                  <a:gd name="connsiteY3" fmla="*/ 954157 h 1956021"/>
                  <a:gd name="connsiteX4" fmla="*/ 2305879 w 5018688"/>
                  <a:gd name="connsiteY4" fmla="*/ 0 h 1956021"/>
                  <a:gd name="connsiteX0" fmla="*/ 2303074 w 5015883"/>
                  <a:gd name="connsiteY0" fmla="*/ 0 h 1956021"/>
                  <a:gd name="connsiteX1" fmla="*/ 5015883 w 5015883"/>
                  <a:gd name="connsiteY1" fmla="*/ 835351 h 1956021"/>
                  <a:gd name="connsiteX2" fmla="*/ 2780152 w 5015883"/>
                  <a:gd name="connsiteY2" fmla="*/ 1956021 h 1956021"/>
                  <a:gd name="connsiteX3" fmla="*/ 0 w 5015883"/>
                  <a:gd name="connsiteY3" fmla="*/ 937327 h 1956021"/>
                  <a:gd name="connsiteX4" fmla="*/ 2303074 w 5015883"/>
                  <a:gd name="connsiteY4" fmla="*/ 0 h 1956021"/>
                  <a:gd name="connsiteX0" fmla="*/ 2303074 w 5015883"/>
                  <a:gd name="connsiteY0" fmla="*/ 0 h 1964436"/>
                  <a:gd name="connsiteX1" fmla="*/ 5015883 w 5015883"/>
                  <a:gd name="connsiteY1" fmla="*/ 835351 h 1964436"/>
                  <a:gd name="connsiteX2" fmla="*/ 2791372 w 5015883"/>
                  <a:gd name="connsiteY2" fmla="*/ 1964436 h 1964436"/>
                  <a:gd name="connsiteX3" fmla="*/ 0 w 5015883"/>
                  <a:gd name="connsiteY3" fmla="*/ 937327 h 1964436"/>
                  <a:gd name="connsiteX4" fmla="*/ 2303074 w 5015883"/>
                  <a:gd name="connsiteY4" fmla="*/ 0 h 1964436"/>
                  <a:gd name="connsiteX0" fmla="*/ 2303074 w 5009847"/>
                  <a:gd name="connsiteY0" fmla="*/ 0 h 1964436"/>
                  <a:gd name="connsiteX1" fmla="*/ 5009847 w 5009847"/>
                  <a:gd name="connsiteY1" fmla="*/ 874583 h 1964436"/>
                  <a:gd name="connsiteX2" fmla="*/ 2791372 w 5009847"/>
                  <a:gd name="connsiteY2" fmla="*/ 1964436 h 1964436"/>
                  <a:gd name="connsiteX3" fmla="*/ 0 w 5009847"/>
                  <a:gd name="connsiteY3" fmla="*/ 937327 h 1964436"/>
                  <a:gd name="connsiteX4" fmla="*/ 2303074 w 5009847"/>
                  <a:gd name="connsiteY4" fmla="*/ 0 h 1964436"/>
                  <a:gd name="connsiteX0" fmla="*/ 2320327 w 5009847"/>
                  <a:gd name="connsiteY0" fmla="*/ 0 h 1860919"/>
                  <a:gd name="connsiteX1" fmla="*/ 5009847 w 5009847"/>
                  <a:gd name="connsiteY1" fmla="*/ 771066 h 1860919"/>
                  <a:gd name="connsiteX2" fmla="*/ 2791372 w 5009847"/>
                  <a:gd name="connsiteY2" fmla="*/ 1860919 h 1860919"/>
                  <a:gd name="connsiteX3" fmla="*/ 0 w 5009847"/>
                  <a:gd name="connsiteY3" fmla="*/ 833810 h 1860919"/>
                  <a:gd name="connsiteX4" fmla="*/ 2320327 w 5009847"/>
                  <a:gd name="connsiteY4" fmla="*/ 0 h 1860919"/>
                  <a:gd name="connsiteX0" fmla="*/ 2331829 w 5009847"/>
                  <a:gd name="connsiteY0" fmla="*/ 0 h 1745900"/>
                  <a:gd name="connsiteX1" fmla="*/ 5009847 w 5009847"/>
                  <a:gd name="connsiteY1" fmla="*/ 656047 h 1745900"/>
                  <a:gd name="connsiteX2" fmla="*/ 2791372 w 5009847"/>
                  <a:gd name="connsiteY2" fmla="*/ 1745900 h 1745900"/>
                  <a:gd name="connsiteX3" fmla="*/ 0 w 5009847"/>
                  <a:gd name="connsiteY3" fmla="*/ 718791 h 1745900"/>
                  <a:gd name="connsiteX4" fmla="*/ 2331829 w 5009847"/>
                  <a:gd name="connsiteY4" fmla="*/ 0 h 1745900"/>
                  <a:gd name="connsiteX0" fmla="*/ 2322639 w 5000657"/>
                  <a:gd name="connsiteY0" fmla="*/ 0 h 1745900"/>
                  <a:gd name="connsiteX1" fmla="*/ 5000657 w 5000657"/>
                  <a:gd name="connsiteY1" fmla="*/ 656047 h 1745900"/>
                  <a:gd name="connsiteX2" fmla="*/ 2782182 w 5000657"/>
                  <a:gd name="connsiteY2" fmla="*/ 1745900 h 1745900"/>
                  <a:gd name="connsiteX3" fmla="*/ 0 w 5000657"/>
                  <a:gd name="connsiteY3" fmla="*/ 530397 h 1745900"/>
                  <a:gd name="connsiteX4" fmla="*/ 2322639 w 5000657"/>
                  <a:gd name="connsiteY4" fmla="*/ 0 h 1745900"/>
                  <a:gd name="connsiteX0" fmla="*/ 2322639 w 5003675"/>
                  <a:gd name="connsiteY0" fmla="*/ 0 h 1745900"/>
                  <a:gd name="connsiteX1" fmla="*/ 5003675 w 5003675"/>
                  <a:gd name="connsiteY1" fmla="*/ 520245 h 1745900"/>
                  <a:gd name="connsiteX2" fmla="*/ 2782182 w 5003675"/>
                  <a:gd name="connsiteY2" fmla="*/ 1745900 h 1745900"/>
                  <a:gd name="connsiteX3" fmla="*/ 0 w 5003675"/>
                  <a:gd name="connsiteY3" fmla="*/ 530397 h 1745900"/>
                  <a:gd name="connsiteX4" fmla="*/ 2322639 w 5003675"/>
                  <a:gd name="connsiteY4" fmla="*/ 0 h 1745900"/>
                  <a:gd name="connsiteX0" fmla="*/ 2322639 w 5000657"/>
                  <a:gd name="connsiteY0" fmla="*/ 0 h 1745900"/>
                  <a:gd name="connsiteX1" fmla="*/ 5000657 w 5000657"/>
                  <a:gd name="connsiteY1" fmla="*/ 499121 h 1745900"/>
                  <a:gd name="connsiteX2" fmla="*/ 2782182 w 5000657"/>
                  <a:gd name="connsiteY2" fmla="*/ 1745900 h 1745900"/>
                  <a:gd name="connsiteX3" fmla="*/ 0 w 5000657"/>
                  <a:gd name="connsiteY3" fmla="*/ 530397 h 1745900"/>
                  <a:gd name="connsiteX4" fmla="*/ 2322639 w 5000657"/>
                  <a:gd name="connsiteY4" fmla="*/ 0 h 1745900"/>
                  <a:gd name="connsiteX0" fmla="*/ 2322639 w 4995417"/>
                  <a:gd name="connsiteY0" fmla="*/ 0 h 1745900"/>
                  <a:gd name="connsiteX1" fmla="*/ 4995417 w 4995417"/>
                  <a:gd name="connsiteY1" fmla="*/ 328818 h 1745900"/>
                  <a:gd name="connsiteX2" fmla="*/ 2782182 w 4995417"/>
                  <a:gd name="connsiteY2" fmla="*/ 1745900 h 1745900"/>
                  <a:gd name="connsiteX3" fmla="*/ 0 w 4995417"/>
                  <a:gd name="connsiteY3" fmla="*/ 530397 h 1745900"/>
                  <a:gd name="connsiteX4" fmla="*/ 2322639 w 4995417"/>
                  <a:gd name="connsiteY4" fmla="*/ 0 h 1745900"/>
                  <a:gd name="connsiteX0" fmla="*/ 2329314 w 5002092"/>
                  <a:gd name="connsiteY0" fmla="*/ 0 h 1745900"/>
                  <a:gd name="connsiteX1" fmla="*/ 5002092 w 5002092"/>
                  <a:gd name="connsiteY1" fmla="*/ 328818 h 1745900"/>
                  <a:gd name="connsiteX2" fmla="*/ 2788857 w 5002092"/>
                  <a:gd name="connsiteY2" fmla="*/ 1745900 h 1745900"/>
                  <a:gd name="connsiteX3" fmla="*/ 0 w 5002092"/>
                  <a:gd name="connsiteY3" fmla="*/ 290117 h 1745900"/>
                  <a:gd name="connsiteX4" fmla="*/ 2329314 w 5002092"/>
                  <a:gd name="connsiteY4" fmla="*/ 0 h 1745900"/>
                  <a:gd name="connsiteX0" fmla="*/ 2415039 w 5002092"/>
                  <a:gd name="connsiteY0" fmla="*/ 0 h 2022125"/>
                  <a:gd name="connsiteX1" fmla="*/ 5002092 w 5002092"/>
                  <a:gd name="connsiteY1" fmla="*/ 605043 h 2022125"/>
                  <a:gd name="connsiteX2" fmla="*/ 2788857 w 5002092"/>
                  <a:gd name="connsiteY2" fmla="*/ 2022125 h 2022125"/>
                  <a:gd name="connsiteX3" fmla="*/ 0 w 5002092"/>
                  <a:gd name="connsiteY3" fmla="*/ 566342 h 2022125"/>
                  <a:gd name="connsiteX4" fmla="*/ 2415039 w 5002092"/>
                  <a:gd name="connsiteY4" fmla="*/ 0 h 2022125"/>
                  <a:gd name="connsiteX0" fmla="*/ 2443614 w 5002092"/>
                  <a:gd name="connsiteY0" fmla="*/ 0 h 2117375"/>
                  <a:gd name="connsiteX1" fmla="*/ 5002092 w 5002092"/>
                  <a:gd name="connsiteY1" fmla="*/ 700293 h 2117375"/>
                  <a:gd name="connsiteX2" fmla="*/ 2788857 w 5002092"/>
                  <a:gd name="connsiteY2" fmla="*/ 2117375 h 2117375"/>
                  <a:gd name="connsiteX3" fmla="*/ 0 w 5002092"/>
                  <a:gd name="connsiteY3" fmla="*/ 661592 h 2117375"/>
                  <a:gd name="connsiteX4" fmla="*/ 2443614 w 5002092"/>
                  <a:gd name="connsiteY4" fmla="*/ 0 h 2117375"/>
                  <a:gd name="connsiteX0" fmla="*/ 2386464 w 5002092"/>
                  <a:gd name="connsiteY0" fmla="*/ 0 h 2165000"/>
                  <a:gd name="connsiteX1" fmla="*/ 5002092 w 5002092"/>
                  <a:gd name="connsiteY1" fmla="*/ 747918 h 2165000"/>
                  <a:gd name="connsiteX2" fmla="*/ 2788857 w 5002092"/>
                  <a:gd name="connsiteY2" fmla="*/ 2165000 h 2165000"/>
                  <a:gd name="connsiteX3" fmla="*/ 0 w 5002092"/>
                  <a:gd name="connsiteY3" fmla="*/ 709217 h 2165000"/>
                  <a:gd name="connsiteX4" fmla="*/ 2386464 w 5002092"/>
                  <a:gd name="connsiteY4" fmla="*/ 0 h 2165000"/>
                  <a:gd name="connsiteX0" fmla="*/ 2367414 w 5002092"/>
                  <a:gd name="connsiteY0" fmla="*/ 0 h 2222150"/>
                  <a:gd name="connsiteX1" fmla="*/ 5002092 w 5002092"/>
                  <a:gd name="connsiteY1" fmla="*/ 805068 h 2222150"/>
                  <a:gd name="connsiteX2" fmla="*/ 2788857 w 5002092"/>
                  <a:gd name="connsiteY2" fmla="*/ 2222150 h 2222150"/>
                  <a:gd name="connsiteX3" fmla="*/ 0 w 5002092"/>
                  <a:gd name="connsiteY3" fmla="*/ 766367 h 2222150"/>
                  <a:gd name="connsiteX4" fmla="*/ 2367414 w 5002092"/>
                  <a:gd name="connsiteY4" fmla="*/ 0 h 2222150"/>
                  <a:gd name="connsiteX0" fmla="*/ 2372252 w 5006930"/>
                  <a:gd name="connsiteY0" fmla="*/ 0 h 2222150"/>
                  <a:gd name="connsiteX1" fmla="*/ 5006930 w 5006930"/>
                  <a:gd name="connsiteY1" fmla="*/ 805068 h 2222150"/>
                  <a:gd name="connsiteX2" fmla="*/ 2793695 w 5006930"/>
                  <a:gd name="connsiteY2" fmla="*/ 2222150 h 2222150"/>
                  <a:gd name="connsiteX3" fmla="*/ 0 w 5006930"/>
                  <a:gd name="connsiteY3" fmla="*/ 759110 h 2222150"/>
                  <a:gd name="connsiteX4" fmla="*/ 2372252 w 5006930"/>
                  <a:gd name="connsiteY4" fmla="*/ 0 h 2222150"/>
                  <a:gd name="connsiteX0" fmla="*/ 2374671 w 5009349"/>
                  <a:gd name="connsiteY0" fmla="*/ 0 h 2222150"/>
                  <a:gd name="connsiteX1" fmla="*/ 5009349 w 5009349"/>
                  <a:gd name="connsiteY1" fmla="*/ 805068 h 2222150"/>
                  <a:gd name="connsiteX2" fmla="*/ 2796114 w 5009349"/>
                  <a:gd name="connsiteY2" fmla="*/ 2222150 h 2222150"/>
                  <a:gd name="connsiteX3" fmla="*/ 0 w 5009349"/>
                  <a:gd name="connsiteY3" fmla="*/ 759110 h 2222150"/>
                  <a:gd name="connsiteX4" fmla="*/ 2374671 w 5009349"/>
                  <a:gd name="connsiteY4" fmla="*/ 0 h 2222150"/>
                  <a:gd name="connsiteX0" fmla="*/ 2377090 w 5011768"/>
                  <a:gd name="connsiteY0" fmla="*/ 0 h 2222150"/>
                  <a:gd name="connsiteX1" fmla="*/ 5011768 w 5011768"/>
                  <a:gd name="connsiteY1" fmla="*/ 805068 h 2222150"/>
                  <a:gd name="connsiteX2" fmla="*/ 2798533 w 5011768"/>
                  <a:gd name="connsiteY2" fmla="*/ 2222150 h 2222150"/>
                  <a:gd name="connsiteX3" fmla="*/ 0 w 5011768"/>
                  <a:gd name="connsiteY3" fmla="*/ 759110 h 2222150"/>
                  <a:gd name="connsiteX4" fmla="*/ 2377090 w 5011768"/>
                  <a:gd name="connsiteY4" fmla="*/ 0 h 2222150"/>
                  <a:gd name="connsiteX0" fmla="*/ 2377090 w 4975707"/>
                  <a:gd name="connsiteY0" fmla="*/ 0 h 2222150"/>
                  <a:gd name="connsiteX1" fmla="*/ 4975707 w 4975707"/>
                  <a:gd name="connsiteY1" fmla="*/ 756128 h 2222150"/>
                  <a:gd name="connsiteX2" fmla="*/ 2798533 w 4975707"/>
                  <a:gd name="connsiteY2" fmla="*/ 2222150 h 2222150"/>
                  <a:gd name="connsiteX3" fmla="*/ 0 w 4975707"/>
                  <a:gd name="connsiteY3" fmla="*/ 759110 h 2222150"/>
                  <a:gd name="connsiteX4" fmla="*/ 2377090 w 4975707"/>
                  <a:gd name="connsiteY4" fmla="*/ 0 h 2222150"/>
                  <a:gd name="connsiteX0" fmla="*/ 2377090 w 5009192"/>
                  <a:gd name="connsiteY0" fmla="*/ 0 h 2222150"/>
                  <a:gd name="connsiteX1" fmla="*/ 5009192 w 5009192"/>
                  <a:gd name="connsiteY1" fmla="*/ 799917 h 2222150"/>
                  <a:gd name="connsiteX2" fmla="*/ 2798533 w 5009192"/>
                  <a:gd name="connsiteY2" fmla="*/ 2222150 h 2222150"/>
                  <a:gd name="connsiteX3" fmla="*/ 0 w 5009192"/>
                  <a:gd name="connsiteY3" fmla="*/ 759110 h 2222150"/>
                  <a:gd name="connsiteX4" fmla="*/ 2377090 w 5009192"/>
                  <a:gd name="connsiteY4" fmla="*/ 0 h 2222150"/>
                  <a:gd name="connsiteX0" fmla="*/ 2377090 w 4994201"/>
                  <a:gd name="connsiteY0" fmla="*/ 0 h 2222150"/>
                  <a:gd name="connsiteX1" fmla="*/ 4994201 w 4994201"/>
                  <a:gd name="connsiteY1" fmla="*/ 804914 h 2222150"/>
                  <a:gd name="connsiteX2" fmla="*/ 2798533 w 4994201"/>
                  <a:gd name="connsiteY2" fmla="*/ 2222150 h 2222150"/>
                  <a:gd name="connsiteX3" fmla="*/ 0 w 4994201"/>
                  <a:gd name="connsiteY3" fmla="*/ 759110 h 2222150"/>
                  <a:gd name="connsiteX4" fmla="*/ 2377090 w 4994201"/>
                  <a:gd name="connsiteY4" fmla="*/ 0 h 2222150"/>
                  <a:gd name="connsiteX0" fmla="*/ 2377090 w 4994201"/>
                  <a:gd name="connsiteY0" fmla="*/ 0 h 2222150"/>
                  <a:gd name="connsiteX1" fmla="*/ 4994201 w 4994201"/>
                  <a:gd name="connsiteY1" fmla="*/ 794251 h 2222150"/>
                  <a:gd name="connsiteX2" fmla="*/ 2798533 w 4994201"/>
                  <a:gd name="connsiteY2" fmla="*/ 2222150 h 2222150"/>
                  <a:gd name="connsiteX3" fmla="*/ 0 w 4994201"/>
                  <a:gd name="connsiteY3" fmla="*/ 759110 h 2222150"/>
                  <a:gd name="connsiteX4" fmla="*/ 2377090 w 4994201"/>
                  <a:gd name="connsiteY4" fmla="*/ 0 h 2222150"/>
                  <a:gd name="connsiteX0" fmla="*/ 2379630 w 4996741"/>
                  <a:gd name="connsiteY0" fmla="*/ 0 h 2222150"/>
                  <a:gd name="connsiteX1" fmla="*/ 4996741 w 4996741"/>
                  <a:gd name="connsiteY1" fmla="*/ 794251 h 2222150"/>
                  <a:gd name="connsiteX2" fmla="*/ 2801073 w 4996741"/>
                  <a:gd name="connsiteY2" fmla="*/ 2222150 h 2222150"/>
                  <a:gd name="connsiteX3" fmla="*/ 0 w 4996741"/>
                  <a:gd name="connsiteY3" fmla="*/ 779430 h 2222150"/>
                  <a:gd name="connsiteX4" fmla="*/ 2379630 w 4996741"/>
                  <a:gd name="connsiteY4" fmla="*/ 0 h 2222150"/>
                  <a:gd name="connsiteX0" fmla="*/ 2379630 w 4996741"/>
                  <a:gd name="connsiteY0" fmla="*/ 0 h 2222150"/>
                  <a:gd name="connsiteX1" fmla="*/ 4996741 w 4996741"/>
                  <a:gd name="connsiteY1" fmla="*/ 794251 h 2222150"/>
                  <a:gd name="connsiteX2" fmla="*/ 2801073 w 4996741"/>
                  <a:gd name="connsiteY2" fmla="*/ 2222150 h 2222150"/>
                  <a:gd name="connsiteX3" fmla="*/ 0 w 4996741"/>
                  <a:gd name="connsiteY3" fmla="*/ 779430 h 2222150"/>
                  <a:gd name="connsiteX4" fmla="*/ 2379630 w 4996741"/>
                  <a:gd name="connsiteY4" fmla="*/ 0 h 2222150"/>
                  <a:gd name="connsiteX0" fmla="*/ 2379630 w 4996741"/>
                  <a:gd name="connsiteY0" fmla="*/ 0 h 2222150"/>
                  <a:gd name="connsiteX1" fmla="*/ 4996741 w 4996741"/>
                  <a:gd name="connsiteY1" fmla="*/ 794251 h 2222150"/>
                  <a:gd name="connsiteX2" fmla="*/ 2801073 w 4996741"/>
                  <a:gd name="connsiteY2" fmla="*/ 2222150 h 2222150"/>
                  <a:gd name="connsiteX3" fmla="*/ 0 w 4996741"/>
                  <a:gd name="connsiteY3" fmla="*/ 782696 h 2222150"/>
                  <a:gd name="connsiteX4" fmla="*/ 2379630 w 4996741"/>
                  <a:gd name="connsiteY4" fmla="*/ 0 h 22221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996741" h="2222150">
                    <a:moveTo>
                      <a:pt x="2379630" y="0"/>
                    </a:moveTo>
                    <a:lnTo>
                      <a:pt x="4996741" y="794251"/>
                    </a:lnTo>
                    <a:lnTo>
                      <a:pt x="2801073" y="2222150"/>
                    </a:lnTo>
                    <a:lnTo>
                      <a:pt x="0" y="782696"/>
                    </a:lnTo>
                    <a:lnTo>
                      <a:pt x="2379630" y="0"/>
                    </a:lnTo>
                    <a:close/>
                  </a:path>
                </a:pathLst>
              </a:custGeom>
              <a:solidFill>
                <a:srgbClr val="90938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err="1">
                  <a:ln>
                    <a:noFill/>
                  </a:ln>
                  <a:solidFill>
                    <a:prstClr val="white"/>
                  </a:solidFill>
                  <a:effectLst/>
                  <a:uLnTx/>
                  <a:uFillTx/>
                  <a:latin typeface="Open Sans"/>
                  <a:ea typeface="+mn-ea"/>
                  <a:cs typeface="+mn-cs"/>
                </a:endParaRPr>
              </a:p>
            </p:txBody>
          </p:sp>
          <p:sp>
            <p:nvSpPr>
              <p:cNvPr id="12" name="Freeform: Shape 11">
                <a:extLst>
                  <a:ext uri="{FF2B5EF4-FFF2-40B4-BE49-F238E27FC236}">
                    <a16:creationId xmlns:a16="http://schemas.microsoft.com/office/drawing/2014/main" id="{F6A0ADF1-0C62-40CC-B8EF-70534577DF6C}"/>
                  </a:ext>
                </a:extLst>
              </p:cNvPr>
              <p:cNvSpPr/>
              <p:nvPr/>
            </p:nvSpPr>
            <p:spPr>
              <a:xfrm>
                <a:off x="6282352" y="2275705"/>
                <a:ext cx="2202442" cy="1978707"/>
              </a:xfrm>
              <a:custGeom>
                <a:avLst/>
                <a:gdLst>
                  <a:gd name="connsiteX0" fmla="*/ 2250219 w 2258170"/>
                  <a:gd name="connsiteY0" fmla="*/ 0 h 1645920"/>
                  <a:gd name="connsiteX1" fmla="*/ 2258170 w 2258170"/>
                  <a:gd name="connsiteY1" fmla="*/ 469126 h 1645920"/>
                  <a:gd name="connsiteX2" fmla="*/ 15902 w 2258170"/>
                  <a:gd name="connsiteY2" fmla="*/ 1645920 h 1645920"/>
                  <a:gd name="connsiteX3" fmla="*/ 0 w 2258170"/>
                  <a:gd name="connsiteY3" fmla="*/ 1105231 h 1645920"/>
                  <a:gd name="connsiteX4" fmla="*/ 2250219 w 2258170"/>
                  <a:gd name="connsiteY4" fmla="*/ 0 h 1645920"/>
                  <a:gd name="connsiteX0" fmla="*/ 2244609 w 2258170"/>
                  <a:gd name="connsiteY0" fmla="*/ 0 h 1671164"/>
                  <a:gd name="connsiteX1" fmla="*/ 2258170 w 2258170"/>
                  <a:gd name="connsiteY1" fmla="*/ 494370 h 1671164"/>
                  <a:gd name="connsiteX2" fmla="*/ 15902 w 2258170"/>
                  <a:gd name="connsiteY2" fmla="*/ 1671164 h 1671164"/>
                  <a:gd name="connsiteX3" fmla="*/ 0 w 2258170"/>
                  <a:gd name="connsiteY3" fmla="*/ 1130475 h 1671164"/>
                  <a:gd name="connsiteX4" fmla="*/ 2244609 w 2258170"/>
                  <a:gd name="connsiteY4" fmla="*/ 0 h 1671164"/>
                  <a:gd name="connsiteX0" fmla="*/ 2244609 w 2244609"/>
                  <a:gd name="connsiteY0" fmla="*/ 0 h 1671164"/>
                  <a:gd name="connsiteX1" fmla="*/ 2235731 w 2244609"/>
                  <a:gd name="connsiteY1" fmla="*/ 494370 h 1671164"/>
                  <a:gd name="connsiteX2" fmla="*/ 15902 w 2244609"/>
                  <a:gd name="connsiteY2" fmla="*/ 1671164 h 1671164"/>
                  <a:gd name="connsiteX3" fmla="*/ 0 w 2244609"/>
                  <a:gd name="connsiteY3" fmla="*/ 1130475 h 1671164"/>
                  <a:gd name="connsiteX4" fmla="*/ 2244609 w 2244609"/>
                  <a:gd name="connsiteY4" fmla="*/ 0 h 1671164"/>
                  <a:gd name="connsiteX0" fmla="*/ 2244609 w 2244609"/>
                  <a:gd name="connsiteY0" fmla="*/ 0 h 1682383"/>
                  <a:gd name="connsiteX1" fmla="*/ 2235731 w 2244609"/>
                  <a:gd name="connsiteY1" fmla="*/ 494370 h 1682383"/>
                  <a:gd name="connsiteX2" fmla="*/ 13097 w 2244609"/>
                  <a:gd name="connsiteY2" fmla="*/ 1682383 h 1682383"/>
                  <a:gd name="connsiteX3" fmla="*/ 0 w 2244609"/>
                  <a:gd name="connsiteY3" fmla="*/ 1130475 h 1682383"/>
                  <a:gd name="connsiteX4" fmla="*/ 2244609 w 2244609"/>
                  <a:gd name="connsiteY4" fmla="*/ 0 h 1682383"/>
                  <a:gd name="connsiteX0" fmla="*/ 2239000 w 2239000"/>
                  <a:gd name="connsiteY0" fmla="*/ 0 h 1682383"/>
                  <a:gd name="connsiteX1" fmla="*/ 2230122 w 2239000"/>
                  <a:gd name="connsiteY1" fmla="*/ 494370 h 1682383"/>
                  <a:gd name="connsiteX2" fmla="*/ 7488 w 2239000"/>
                  <a:gd name="connsiteY2" fmla="*/ 1682383 h 1682383"/>
                  <a:gd name="connsiteX3" fmla="*/ 0 w 2239000"/>
                  <a:gd name="connsiteY3" fmla="*/ 1122060 h 1682383"/>
                  <a:gd name="connsiteX4" fmla="*/ 2239000 w 2239000"/>
                  <a:gd name="connsiteY4" fmla="*/ 0 h 1682383"/>
                  <a:gd name="connsiteX0" fmla="*/ 2233390 w 2233390"/>
                  <a:gd name="connsiteY0" fmla="*/ 0 h 1682383"/>
                  <a:gd name="connsiteX1" fmla="*/ 2230122 w 2233390"/>
                  <a:gd name="connsiteY1" fmla="*/ 494370 h 1682383"/>
                  <a:gd name="connsiteX2" fmla="*/ 7488 w 2233390"/>
                  <a:gd name="connsiteY2" fmla="*/ 1682383 h 1682383"/>
                  <a:gd name="connsiteX3" fmla="*/ 0 w 2233390"/>
                  <a:gd name="connsiteY3" fmla="*/ 1122060 h 1682383"/>
                  <a:gd name="connsiteX4" fmla="*/ 2233390 w 2233390"/>
                  <a:gd name="connsiteY4" fmla="*/ 0 h 1682383"/>
                  <a:gd name="connsiteX0" fmla="*/ 2225902 w 2225902"/>
                  <a:gd name="connsiteY0" fmla="*/ 0 h 1682383"/>
                  <a:gd name="connsiteX1" fmla="*/ 2222634 w 2225902"/>
                  <a:gd name="connsiteY1" fmla="*/ 494370 h 1682383"/>
                  <a:gd name="connsiteX2" fmla="*/ 0 w 2225902"/>
                  <a:gd name="connsiteY2" fmla="*/ 1682383 h 1682383"/>
                  <a:gd name="connsiteX3" fmla="*/ 9342 w 2225902"/>
                  <a:gd name="connsiteY3" fmla="*/ 1119255 h 1682383"/>
                  <a:gd name="connsiteX4" fmla="*/ 2225902 w 2225902"/>
                  <a:gd name="connsiteY4" fmla="*/ 0 h 1682383"/>
                  <a:gd name="connsiteX0" fmla="*/ 2217487 w 2217487"/>
                  <a:gd name="connsiteY0" fmla="*/ 0 h 1679578"/>
                  <a:gd name="connsiteX1" fmla="*/ 2214219 w 2217487"/>
                  <a:gd name="connsiteY1" fmla="*/ 494370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79578"/>
                  <a:gd name="connsiteX1" fmla="*/ 2214219 w 2217487"/>
                  <a:gd name="connsiteY1" fmla="*/ 473245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43365"/>
                  <a:gd name="connsiteX1" fmla="*/ 2214219 w 2217487"/>
                  <a:gd name="connsiteY1" fmla="*/ 437032 h 1643365"/>
                  <a:gd name="connsiteX2" fmla="*/ 0 w 2217487"/>
                  <a:gd name="connsiteY2" fmla="*/ 1643365 h 1643365"/>
                  <a:gd name="connsiteX3" fmla="*/ 927 w 2217487"/>
                  <a:gd name="connsiteY3" fmla="*/ 1083042 h 1643365"/>
                  <a:gd name="connsiteX4" fmla="*/ 2217487 w 2217487"/>
                  <a:gd name="connsiteY4" fmla="*/ 0 h 1643365"/>
                  <a:gd name="connsiteX0" fmla="*/ 2217487 w 2217487"/>
                  <a:gd name="connsiteY0" fmla="*/ 0 h 1643365"/>
                  <a:gd name="connsiteX1" fmla="*/ 2214219 w 2217487"/>
                  <a:gd name="connsiteY1" fmla="*/ 437032 h 1643365"/>
                  <a:gd name="connsiteX2" fmla="*/ 0 w 2217487"/>
                  <a:gd name="connsiteY2" fmla="*/ 1643365 h 1643365"/>
                  <a:gd name="connsiteX3" fmla="*/ 40932 w 2217487"/>
                  <a:gd name="connsiteY3" fmla="*/ 1143049 h 1643365"/>
                  <a:gd name="connsiteX4" fmla="*/ 2217487 w 2217487"/>
                  <a:gd name="connsiteY4" fmla="*/ 0 h 1643365"/>
                  <a:gd name="connsiteX0" fmla="*/ 2219418 w 2219418"/>
                  <a:gd name="connsiteY0" fmla="*/ 0 h 1643365"/>
                  <a:gd name="connsiteX1" fmla="*/ 2216150 w 2219418"/>
                  <a:gd name="connsiteY1" fmla="*/ 437032 h 1643365"/>
                  <a:gd name="connsiteX2" fmla="*/ 1931 w 2219418"/>
                  <a:gd name="connsiteY2" fmla="*/ 1643365 h 1643365"/>
                  <a:gd name="connsiteX3" fmla="*/ 0 w 2219418"/>
                  <a:gd name="connsiteY3" fmla="*/ 1094472 h 1643365"/>
                  <a:gd name="connsiteX4" fmla="*/ 2219418 w 2219418"/>
                  <a:gd name="connsiteY4" fmla="*/ 0 h 1643365"/>
                  <a:gd name="connsiteX0" fmla="*/ 2225133 w 2225133"/>
                  <a:gd name="connsiteY0" fmla="*/ 0 h 1643365"/>
                  <a:gd name="connsiteX1" fmla="*/ 2221865 w 2225133"/>
                  <a:gd name="connsiteY1" fmla="*/ 437032 h 1643365"/>
                  <a:gd name="connsiteX2" fmla="*/ 7646 w 2225133"/>
                  <a:gd name="connsiteY2" fmla="*/ 1643365 h 1643365"/>
                  <a:gd name="connsiteX3" fmla="*/ 0 w 2225133"/>
                  <a:gd name="connsiteY3" fmla="*/ 1094472 h 1643365"/>
                  <a:gd name="connsiteX4" fmla="*/ 2225133 w 2225133"/>
                  <a:gd name="connsiteY4" fmla="*/ 0 h 1643365"/>
                  <a:gd name="connsiteX0" fmla="*/ 2222275 w 2222275"/>
                  <a:gd name="connsiteY0" fmla="*/ 0 h 1643365"/>
                  <a:gd name="connsiteX1" fmla="*/ 2219007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19257 w 2219353"/>
                  <a:gd name="connsiteY0" fmla="*/ 0 h 1776149"/>
                  <a:gd name="connsiteX1" fmla="*/ 2219007 w 2219353"/>
                  <a:gd name="connsiteY1" fmla="*/ 569816 h 1776149"/>
                  <a:gd name="connsiteX2" fmla="*/ 4788 w 2219353"/>
                  <a:gd name="connsiteY2" fmla="*/ 1776149 h 1776149"/>
                  <a:gd name="connsiteX3" fmla="*/ 0 w 2219353"/>
                  <a:gd name="connsiteY3" fmla="*/ 1218684 h 1776149"/>
                  <a:gd name="connsiteX4" fmla="*/ 2219257 w 2219353"/>
                  <a:gd name="connsiteY4" fmla="*/ 0 h 1776149"/>
                  <a:gd name="connsiteX0" fmla="*/ 2219257 w 2219353"/>
                  <a:gd name="connsiteY0" fmla="*/ 0 h 1776149"/>
                  <a:gd name="connsiteX1" fmla="*/ 2219007 w 2219353"/>
                  <a:gd name="connsiteY1" fmla="*/ 391765 h 1776149"/>
                  <a:gd name="connsiteX2" fmla="*/ 4788 w 2219353"/>
                  <a:gd name="connsiteY2" fmla="*/ 1776149 h 1776149"/>
                  <a:gd name="connsiteX3" fmla="*/ 0 w 2219353"/>
                  <a:gd name="connsiteY3" fmla="*/ 1218684 h 1776149"/>
                  <a:gd name="connsiteX4" fmla="*/ 2219257 w 2219353"/>
                  <a:gd name="connsiteY4" fmla="*/ 0 h 1776149"/>
                  <a:gd name="connsiteX0" fmla="*/ 2225293 w 2225293"/>
                  <a:gd name="connsiteY0" fmla="*/ 0 h 1800292"/>
                  <a:gd name="connsiteX1" fmla="*/ 2219007 w 2225293"/>
                  <a:gd name="connsiteY1" fmla="*/ 415908 h 1800292"/>
                  <a:gd name="connsiteX2" fmla="*/ 4788 w 2225293"/>
                  <a:gd name="connsiteY2" fmla="*/ 1800292 h 1800292"/>
                  <a:gd name="connsiteX3" fmla="*/ 0 w 2225293"/>
                  <a:gd name="connsiteY3" fmla="*/ 1242827 h 1800292"/>
                  <a:gd name="connsiteX4" fmla="*/ 2225293 w 2225293"/>
                  <a:gd name="connsiteY4" fmla="*/ 0 h 1800292"/>
                  <a:gd name="connsiteX0" fmla="*/ 2225293 w 2225293"/>
                  <a:gd name="connsiteY0" fmla="*/ 0 h 1800292"/>
                  <a:gd name="connsiteX1" fmla="*/ 2219007 w 2225293"/>
                  <a:gd name="connsiteY1" fmla="*/ 376676 h 1800292"/>
                  <a:gd name="connsiteX2" fmla="*/ 4788 w 2225293"/>
                  <a:gd name="connsiteY2" fmla="*/ 1800292 h 1800292"/>
                  <a:gd name="connsiteX3" fmla="*/ 0 w 2225293"/>
                  <a:gd name="connsiteY3" fmla="*/ 1242827 h 1800292"/>
                  <a:gd name="connsiteX4" fmla="*/ 2225293 w 2225293"/>
                  <a:gd name="connsiteY4" fmla="*/ 0 h 1800292"/>
                  <a:gd name="connsiteX0" fmla="*/ 2217433 w 2219207"/>
                  <a:gd name="connsiteY0" fmla="*/ 0 h 1967975"/>
                  <a:gd name="connsiteX1" fmla="*/ 2219007 w 2219207"/>
                  <a:gd name="connsiteY1" fmla="*/ 544359 h 1967975"/>
                  <a:gd name="connsiteX2" fmla="*/ 4788 w 2219207"/>
                  <a:gd name="connsiteY2" fmla="*/ 1967975 h 1967975"/>
                  <a:gd name="connsiteX3" fmla="*/ 0 w 2219207"/>
                  <a:gd name="connsiteY3" fmla="*/ 1410510 h 1967975"/>
                  <a:gd name="connsiteX4" fmla="*/ 2217433 w 2219207"/>
                  <a:gd name="connsiteY4" fmla="*/ 0 h 1967975"/>
                  <a:gd name="connsiteX0" fmla="*/ 2217433 w 2217433"/>
                  <a:gd name="connsiteY0" fmla="*/ 0 h 1967975"/>
                  <a:gd name="connsiteX1" fmla="*/ 2216387 w 2217433"/>
                  <a:gd name="connsiteY1" fmla="*/ 374056 h 1967975"/>
                  <a:gd name="connsiteX2" fmla="*/ 4788 w 2217433"/>
                  <a:gd name="connsiteY2" fmla="*/ 1967975 h 1967975"/>
                  <a:gd name="connsiteX3" fmla="*/ 0 w 2217433"/>
                  <a:gd name="connsiteY3" fmla="*/ 1410510 h 1967975"/>
                  <a:gd name="connsiteX4" fmla="*/ 2217433 w 2217433"/>
                  <a:gd name="connsiteY4" fmla="*/ 0 h 1967975"/>
                  <a:gd name="connsiteX0" fmla="*/ 2217433 w 2217433"/>
                  <a:gd name="connsiteY0" fmla="*/ 0 h 1967975"/>
                  <a:gd name="connsiteX1" fmla="*/ 2216387 w 2217433"/>
                  <a:gd name="connsiteY1" fmla="*/ 374056 h 1967975"/>
                  <a:gd name="connsiteX2" fmla="*/ 4788 w 2217433"/>
                  <a:gd name="connsiteY2" fmla="*/ 1967975 h 1967975"/>
                  <a:gd name="connsiteX3" fmla="*/ 0 w 2217433"/>
                  <a:gd name="connsiteY3" fmla="*/ 1410510 h 1967975"/>
                  <a:gd name="connsiteX4" fmla="*/ 2217433 w 2217433"/>
                  <a:gd name="connsiteY4" fmla="*/ 0 h 1967975"/>
                  <a:gd name="connsiteX0" fmla="*/ 2217433 w 2217433"/>
                  <a:gd name="connsiteY0" fmla="*/ 0 h 1975703"/>
                  <a:gd name="connsiteX1" fmla="*/ 2216387 w 2217433"/>
                  <a:gd name="connsiteY1" fmla="*/ 381784 h 1975703"/>
                  <a:gd name="connsiteX2" fmla="*/ 4788 w 2217433"/>
                  <a:gd name="connsiteY2" fmla="*/ 1975703 h 1975703"/>
                  <a:gd name="connsiteX3" fmla="*/ 0 w 2217433"/>
                  <a:gd name="connsiteY3" fmla="*/ 1418238 h 1975703"/>
                  <a:gd name="connsiteX4" fmla="*/ 2217433 w 2217433"/>
                  <a:gd name="connsiteY4" fmla="*/ 0 h 1975703"/>
                  <a:gd name="connsiteX0" fmla="*/ 2202443 w 2216439"/>
                  <a:gd name="connsiteY0" fmla="*/ 0 h 1970707"/>
                  <a:gd name="connsiteX1" fmla="*/ 2216387 w 2216439"/>
                  <a:gd name="connsiteY1" fmla="*/ 376788 h 1970707"/>
                  <a:gd name="connsiteX2" fmla="*/ 4788 w 2216439"/>
                  <a:gd name="connsiteY2" fmla="*/ 1970707 h 1970707"/>
                  <a:gd name="connsiteX3" fmla="*/ 0 w 2216439"/>
                  <a:gd name="connsiteY3" fmla="*/ 1413242 h 1970707"/>
                  <a:gd name="connsiteX4" fmla="*/ 2202443 w 2216439"/>
                  <a:gd name="connsiteY4" fmla="*/ 0 h 1970707"/>
                  <a:gd name="connsiteX0" fmla="*/ 2202443 w 2202443"/>
                  <a:gd name="connsiteY0" fmla="*/ 0 h 1970707"/>
                  <a:gd name="connsiteX1" fmla="*/ 2198899 w 2202443"/>
                  <a:gd name="connsiteY1" fmla="*/ 379287 h 1970707"/>
                  <a:gd name="connsiteX2" fmla="*/ 4788 w 2202443"/>
                  <a:gd name="connsiteY2" fmla="*/ 1970707 h 1970707"/>
                  <a:gd name="connsiteX3" fmla="*/ 0 w 2202443"/>
                  <a:gd name="connsiteY3" fmla="*/ 1413242 h 1970707"/>
                  <a:gd name="connsiteX4" fmla="*/ 2202443 w 2202443"/>
                  <a:gd name="connsiteY4" fmla="*/ 0 h 1970707"/>
                  <a:gd name="connsiteX0" fmla="*/ 2202443 w 2202443"/>
                  <a:gd name="connsiteY0" fmla="*/ 0 h 1970707"/>
                  <a:gd name="connsiteX1" fmla="*/ 2198899 w 2202443"/>
                  <a:gd name="connsiteY1" fmla="*/ 379287 h 1970707"/>
                  <a:gd name="connsiteX2" fmla="*/ 4788 w 2202443"/>
                  <a:gd name="connsiteY2" fmla="*/ 1970707 h 1970707"/>
                  <a:gd name="connsiteX3" fmla="*/ 0 w 2202443"/>
                  <a:gd name="connsiteY3" fmla="*/ 1413242 h 1970707"/>
                  <a:gd name="connsiteX4" fmla="*/ 2202443 w 2202443"/>
                  <a:gd name="connsiteY4" fmla="*/ 0 h 1970707"/>
                  <a:gd name="connsiteX0" fmla="*/ 2202443 w 2202443"/>
                  <a:gd name="connsiteY0" fmla="*/ 0 h 1970707"/>
                  <a:gd name="connsiteX1" fmla="*/ 2198899 w 2202443"/>
                  <a:gd name="connsiteY1" fmla="*/ 379287 h 1970707"/>
                  <a:gd name="connsiteX2" fmla="*/ 4788 w 2202443"/>
                  <a:gd name="connsiteY2" fmla="*/ 1970707 h 1970707"/>
                  <a:gd name="connsiteX3" fmla="*/ 0 w 2202443"/>
                  <a:gd name="connsiteY3" fmla="*/ 1413242 h 1970707"/>
                  <a:gd name="connsiteX4" fmla="*/ 2202443 w 2202443"/>
                  <a:gd name="connsiteY4" fmla="*/ 0 h 1970707"/>
                  <a:gd name="connsiteX0" fmla="*/ 2202443 w 2202443"/>
                  <a:gd name="connsiteY0" fmla="*/ 0 h 1978705"/>
                  <a:gd name="connsiteX1" fmla="*/ 2198899 w 2202443"/>
                  <a:gd name="connsiteY1" fmla="*/ 387285 h 1978705"/>
                  <a:gd name="connsiteX2" fmla="*/ 4788 w 2202443"/>
                  <a:gd name="connsiteY2" fmla="*/ 1978705 h 1978705"/>
                  <a:gd name="connsiteX3" fmla="*/ 0 w 2202443"/>
                  <a:gd name="connsiteY3" fmla="*/ 1421240 h 1978705"/>
                  <a:gd name="connsiteX4" fmla="*/ 2202443 w 2202443"/>
                  <a:gd name="connsiteY4" fmla="*/ 0 h 1978705"/>
                  <a:gd name="connsiteX0" fmla="*/ 2202443 w 2202443"/>
                  <a:gd name="connsiteY0" fmla="*/ 0 h 1978705"/>
                  <a:gd name="connsiteX1" fmla="*/ 2198899 w 2202443"/>
                  <a:gd name="connsiteY1" fmla="*/ 371290 h 1978705"/>
                  <a:gd name="connsiteX2" fmla="*/ 4788 w 2202443"/>
                  <a:gd name="connsiteY2" fmla="*/ 1978705 h 1978705"/>
                  <a:gd name="connsiteX3" fmla="*/ 0 w 2202443"/>
                  <a:gd name="connsiteY3" fmla="*/ 1421240 h 1978705"/>
                  <a:gd name="connsiteX4" fmla="*/ 2202443 w 2202443"/>
                  <a:gd name="connsiteY4" fmla="*/ 0 h 197870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02443" h="1978705">
                    <a:moveTo>
                      <a:pt x="2202443" y="0"/>
                    </a:moveTo>
                    <a:cubicBezTo>
                      <a:pt x="2201354" y="164790"/>
                      <a:pt x="2202486" y="318207"/>
                      <a:pt x="2198899" y="371290"/>
                    </a:cubicBezTo>
                    <a:lnTo>
                      <a:pt x="4788" y="1978705"/>
                    </a:lnTo>
                    <a:cubicBezTo>
                      <a:pt x="4144" y="1795741"/>
                      <a:pt x="644" y="1604204"/>
                      <a:pt x="0" y="1421240"/>
                    </a:cubicBezTo>
                    <a:lnTo>
                      <a:pt x="2202443" y="0"/>
                    </a:lnTo>
                    <a:close/>
                  </a:path>
                </a:pathLst>
              </a:custGeom>
              <a:solidFill>
                <a:srgbClr val="81847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err="1">
                  <a:ln>
                    <a:noFill/>
                  </a:ln>
                  <a:solidFill>
                    <a:prstClr val="white"/>
                  </a:solidFill>
                  <a:effectLst/>
                  <a:uLnTx/>
                  <a:uFillTx/>
                  <a:latin typeface="Open Sans"/>
                  <a:ea typeface="+mn-ea"/>
                  <a:cs typeface="+mn-cs"/>
                </a:endParaRPr>
              </a:p>
            </p:txBody>
          </p:sp>
          <p:sp>
            <p:nvSpPr>
              <p:cNvPr id="13" name="Freeform: Shape 12">
                <a:extLst>
                  <a:ext uri="{FF2B5EF4-FFF2-40B4-BE49-F238E27FC236}">
                    <a16:creationId xmlns:a16="http://schemas.microsoft.com/office/drawing/2014/main" id="{970CA349-23F1-46ED-B16C-F153B6CCAFDC}"/>
                  </a:ext>
                </a:extLst>
              </p:cNvPr>
              <p:cNvSpPr/>
              <p:nvPr/>
            </p:nvSpPr>
            <p:spPr>
              <a:xfrm>
                <a:off x="3488468" y="2257975"/>
                <a:ext cx="2801804" cy="2000249"/>
              </a:xfrm>
              <a:custGeom>
                <a:avLst/>
                <a:gdLst>
                  <a:gd name="connsiteX0" fmla="*/ 2782957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2957 w 2790908"/>
                  <a:gd name="connsiteY4" fmla="*/ 1009816 h 1566407"/>
                  <a:gd name="connsiteX0" fmla="*/ 2785762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5762 w 2790908"/>
                  <a:gd name="connsiteY4" fmla="*/ 1009816 h 1566407"/>
                  <a:gd name="connsiteX0" fmla="*/ 2788567 w 2790908"/>
                  <a:gd name="connsiteY0" fmla="*/ 1004206 h 1566407"/>
                  <a:gd name="connsiteX1" fmla="*/ 2790908 w 2790908"/>
                  <a:gd name="connsiteY1" fmla="*/ 1566407 h 1566407"/>
                  <a:gd name="connsiteX2" fmla="*/ 23854 w 2790908"/>
                  <a:gd name="connsiteY2" fmla="*/ 516835 h 1566407"/>
                  <a:gd name="connsiteX3" fmla="*/ 0 w 2790908"/>
                  <a:gd name="connsiteY3" fmla="*/ 0 h 1566407"/>
                  <a:gd name="connsiteX4" fmla="*/ 2788567 w 2790908"/>
                  <a:gd name="connsiteY4" fmla="*/ 1004206 h 1566407"/>
                  <a:gd name="connsiteX0" fmla="*/ 2788567 w 2790908"/>
                  <a:gd name="connsiteY0" fmla="*/ 1004206 h 1566407"/>
                  <a:gd name="connsiteX1" fmla="*/ 2790908 w 2790908"/>
                  <a:gd name="connsiteY1" fmla="*/ 1566407 h 1566407"/>
                  <a:gd name="connsiteX2" fmla="*/ 7024 w 2790908"/>
                  <a:gd name="connsiteY2" fmla="*/ 516835 h 1566407"/>
                  <a:gd name="connsiteX3" fmla="*/ 0 w 2790908"/>
                  <a:gd name="connsiteY3" fmla="*/ 0 h 1566407"/>
                  <a:gd name="connsiteX4" fmla="*/ 2788567 w 2790908"/>
                  <a:gd name="connsiteY4" fmla="*/ 1004206 h 1566407"/>
                  <a:gd name="connsiteX0" fmla="*/ 2782957 w 2785298"/>
                  <a:gd name="connsiteY0" fmla="*/ 1009816 h 1572017"/>
                  <a:gd name="connsiteX1" fmla="*/ 2785298 w 2785298"/>
                  <a:gd name="connsiteY1" fmla="*/ 1572017 h 1572017"/>
                  <a:gd name="connsiteX2" fmla="*/ 1414 w 2785298"/>
                  <a:gd name="connsiteY2" fmla="*/ 522445 h 1572017"/>
                  <a:gd name="connsiteX3" fmla="*/ 0 w 2785298"/>
                  <a:gd name="connsiteY3" fmla="*/ 0 h 1572017"/>
                  <a:gd name="connsiteX4" fmla="*/ 2782957 w 2785298"/>
                  <a:gd name="connsiteY4" fmla="*/ 1009816 h 1572017"/>
                  <a:gd name="connsiteX0" fmla="*/ 2782091 w 2784432"/>
                  <a:gd name="connsiteY0" fmla="*/ 1012621 h 1574822"/>
                  <a:gd name="connsiteX1" fmla="*/ 2784432 w 2784432"/>
                  <a:gd name="connsiteY1" fmla="*/ 1574822 h 1574822"/>
                  <a:gd name="connsiteX2" fmla="*/ 548 w 2784432"/>
                  <a:gd name="connsiteY2" fmla="*/ 525250 h 1574822"/>
                  <a:gd name="connsiteX3" fmla="*/ 1939 w 2784432"/>
                  <a:gd name="connsiteY3" fmla="*/ 0 h 1574822"/>
                  <a:gd name="connsiteX4" fmla="*/ 2782091 w 2784432"/>
                  <a:gd name="connsiteY4" fmla="*/ 1012621 h 1574822"/>
                  <a:gd name="connsiteX0" fmla="*/ 2781862 w 2784203"/>
                  <a:gd name="connsiteY0" fmla="*/ 1007289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07289 h 1569490"/>
                  <a:gd name="connsiteX0" fmla="*/ 2781862 w 2784203"/>
                  <a:gd name="connsiteY0" fmla="*/ 1017953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17953 h 1569490"/>
                  <a:gd name="connsiteX0" fmla="*/ 2774820 w 2777161"/>
                  <a:gd name="connsiteY0" fmla="*/ 1017953 h 1569490"/>
                  <a:gd name="connsiteX1" fmla="*/ 2777161 w 2777161"/>
                  <a:gd name="connsiteY1" fmla="*/ 1569490 h 1569490"/>
                  <a:gd name="connsiteX2" fmla="*/ 3941 w 2777161"/>
                  <a:gd name="connsiteY2" fmla="*/ 517252 h 1569490"/>
                  <a:gd name="connsiteX3" fmla="*/ 0 w 2777161"/>
                  <a:gd name="connsiteY3" fmla="*/ 0 h 1569490"/>
                  <a:gd name="connsiteX4" fmla="*/ 2774820 w 2777161"/>
                  <a:gd name="connsiteY4" fmla="*/ 1017953 h 1569490"/>
                  <a:gd name="connsiteX0" fmla="*/ 2774820 w 2779827"/>
                  <a:gd name="connsiteY0" fmla="*/ 1017953 h 1582819"/>
                  <a:gd name="connsiteX1" fmla="*/ 2779827 w 2779827"/>
                  <a:gd name="connsiteY1" fmla="*/ 1582819 h 1582819"/>
                  <a:gd name="connsiteX2" fmla="*/ 3941 w 2779827"/>
                  <a:gd name="connsiteY2" fmla="*/ 517252 h 1582819"/>
                  <a:gd name="connsiteX3" fmla="*/ 0 w 2779827"/>
                  <a:gd name="connsiteY3" fmla="*/ 0 h 1582819"/>
                  <a:gd name="connsiteX4" fmla="*/ 2774820 w 2779827"/>
                  <a:gd name="connsiteY4" fmla="*/ 1017953 h 1582819"/>
                  <a:gd name="connsiteX0" fmla="*/ 2783235 w 2783513"/>
                  <a:gd name="connsiteY0" fmla="*/ 1020758 h 1582819"/>
                  <a:gd name="connsiteX1" fmla="*/ 2779827 w 2783513"/>
                  <a:gd name="connsiteY1" fmla="*/ 1582819 h 1582819"/>
                  <a:gd name="connsiteX2" fmla="*/ 3941 w 2783513"/>
                  <a:gd name="connsiteY2" fmla="*/ 517252 h 1582819"/>
                  <a:gd name="connsiteX3" fmla="*/ 0 w 2783513"/>
                  <a:gd name="connsiteY3" fmla="*/ 0 h 1582819"/>
                  <a:gd name="connsiteX4" fmla="*/ 2783235 w 2783513"/>
                  <a:gd name="connsiteY4" fmla="*/ 1020758 h 1582819"/>
                  <a:gd name="connsiteX0" fmla="*/ 2783235 w 2788242"/>
                  <a:gd name="connsiteY0" fmla="*/ 1020758 h 1582819"/>
                  <a:gd name="connsiteX1" fmla="*/ 2788242 w 2788242"/>
                  <a:gd name="connsiteY1" fmla="*/ 1582819 h 1582819"/>
                  <a:gd name="connsiteX2" fmla="*/ 3941 w 2788242"/>
                  <a:gd name="connsiteY2" fmla="*/ 517252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5829 w 2790836"/>
                  <a:gd name="connsiteY0" fmla="*/ 1020758 h 1582819"/>
                  <a:gd name="connsiteX1" fmla="*/ 2790836 w 2790836"/>
                  <a:gd name="connsiteY1" fmla="*/ 1582819 h 1582819"/>
                  <a:gd name="connsiteX2" fmla="*/ 499 w 2790836"/>
                  <a:gd name="connsiteY2" fmla="*/ 419372 h 1582819"/>
                  <a:gd name="connsiteX3" fmla="*/ 2594 w 2790836"/>
                  <a:gd name="connsiteY3" fmla="*/ 0 h 1582819"/>
                  <a:gd name="connsiteX4" fmla="*/ 2785829 w 2790836"/>
                  <a:gd name="connsiteY4" fmla="*/ 1020758 h 1582819"/>
                  <a:gd name="connsiteX0" fmla="*/ 2786253 w 2791260"/>
                  <a:gd name="connsiteY0" fmla="*/ 1017740 h 1579801"/>
                  <a:gd name="connsiteX1" fmla="*/ 2791260 w 2791260"/>
                  <a:gd name="connsiteY1" fmla="*/ 1579801 h 1579801"/>
                  <a:gd name="connsiteX2" fmla="*/ 923 w 2791260"/>
                  <a:gd name="connsiteY2" fmla="*/ 416354 h 1579801"/>
                  <a:gd name="connsiteX3" fmla="*/ 0 w 2791260"/>
                  <a:gd name="connsiteY3" fmla="*/ 0 h 1579801"/>
                  <a:gd name="connsiteX4" fmla="*/ 2786253 w 2791260"/>
                  <a:gd name="connsiteY4" fmla="*/ 1017740 h 1579801"/>
                  <a:gd name="connsiteX0" fmla="*/ 2785615 w 2790622"/>
                  <a:gd name="connsiteY0" fmla="*/ 1210729 h 1772790"/>
                  <a:gd name="connsiteX1" fmla="*/ 2790622 w 2790622"/>
                  <a:gd name="connsiteY1" fmla="*/ 1772790 h 1772790"/>
                  <a:gd name="connsiteX2" fmla="*/ 285 w 2790622"/>
                  <a:gd name="connsiteY2" fmla="*/ 609343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77063 w 2782070"/>
                  <a:gd name="connsiteY0" fmla="*/ 1210729 h 1772790"/>
                  <a:gd name="connsiteX1" fmla="*/ 2782070 w 2782070"/>
                  <a:gd name="connsiteY1" fmla="*/ 1772790 h 1772790"/>
                  <a:gd name="connsiteX2" fmla="*/ 4048 w 2782070"/>
                  <a:gd name="connsiteY2" fmla="*/ 324547 h 1772790"/>
                  <a:gd name="connsiteX3" fmla="*/ 0 w 2782070"/>
                  <a:gd name="connsiteY3" fmla="*/ 0 h 1772790"/>
                  <a:gd name="connsiteX4" fmla="*/ 2777063 w 2782070"/>
                  <a:gd name="connsiteY4" fmla="*/ 1210729 h 1772790"/>
                  <a:gd name="connsiteX0" fmla="*/ 2777063 w 2782070"/>
                  <a:gd name="connsiteY0" fmla="*/ 1210729 h 1772790"/>
                  <a:gd name="connsiteX1" fmla="*/ 2782070 w 2782070"/>
                  <a:gd name="connsiteY1" fmla="*/ 1772790 h 1772790"/>
                  <a:gd name="connsiteX2" fmla="*/ 4048 w 2782070"/>
                  <a:gd name="connsiteY2" fmla="*/ 324547 h 1772790"/>
                  <a:gd name="connsiteX3" fmla="*/ 0 w 2782070"/>
                  <a:gd name="connsiteY3" fmla="*/ 0 h 1772790"/>
                  <a:gd name="connsiteX4" fmla="*/ 2777063 w 2782070"/>
                  <a:gd name="connsiteY4" fmla="*/ 1210729 h 1772790"/>
                  <a:gd name="connsiteX0" fmla="*/ 2777063 w 2782070"/>
                  <a:gd name="connsiteY0" fmla="*/ 1451009 h 2013070"/>
                  <a:gd name="connsiteX1" fmla="*/ 2782070 w 2782070"/>
                  <a:gd name="connsiteY1" fmla="*/ 2013070 h 2013070"/>
                  <a:gd name="connsiteX2" fmla="*/ 4048 w 2782070"/>
                  <a:gd name="connsiteY2" fmla="*/ 564827 h 2013070"/>
                  <a:gd name="connsiteX3" fmla="*/ 0 w 2782070"/>
                  <a:gd name="connsiteY3" fmla="*/ 0 h 2013070"/>
                  <a:gd name="connsiteX4" fmla="*/ 2777063 w 2782070"/>
                  <a:gd name="connsiteY4" fmla="*/ 1451009 h 2013070"/>
                  <a:gd name="connsiteX0" fmla="*/ 2777121 w 2782128"/>
                  <a:gd name="connsiteY0" fmla="*/ 1451009 h 2013070"/>
                  <a:gd name="connsiteX1" fmla="*/ 2782128 w 2782128"/>
                  <a:gd name="connsiteY1" fmla="*/ 2013070 h 2013070"/>
                  <a:gd name="connsiteX2" fmla="*/ 769 w 2782128"/>
                  <a:gd name="connsiteY2" fmla="*/ 317873 h 2013070"/>
                  <a:gd name="connsiteX3" fmla="*/ 58 w 2782128"/>
                  <a:gd name="connsiteY3" fmla="*/ 0 h 2013070"/>
                  <a:gd name="connsiteX4" fmla="*/ 2777121 w 2782128"/>
                  <a:gd name="connsiteY4" fmla="*/ 1451009 h 2013070"/>
                  <a:gd name="connsiteX0" fmla="*/ 2796415 w 2801422"/>
                  <a:gd name="connsiteY0" fmla="*/ 1460685 h 2022746"/>
                  <a:gd name="connsiteX1" fmla="*/ 2801422 w 2801422"/>
                  <a:gd name="connsiteY1" fmla="*/ 2022746 h 2022746"/>
                  <a:gd name="connsiteX2" fmla="*/ 20063 w 2801422"/>
                  <a:gd name="connsiteY2" fmla="*/ 327549 h 2022746"/>
                  <a:gd name="connsiteX3" fmla="*/ 0 w 2801422"/>
                  <a:gd name="connsiteY3" fmla="*/ 0 h 2022746"/>
                  <a:gd name="connsiteX4" fmla="*/ 2796415 w 2801422"/>
                  <a:gd name="connsiteY4" fmla="*/ 1460685 h 2022746"/>
                  <a:gd name="connsiteX0" fmla="*/ 2798647 w 2803654"/>
                  <a:gd name="connsiteY0" fmla="*/ 1460685 h 2022746"/>
                  <a:gd name="connsiteX1" fmla="*/ 2803654 w 2803654"/>
                  <a:gd name="connsiteY1" fmla="*/ 2022746 h 2022746"/>
                  <a:gd name="connsiteX2" fmla="*/ 524 w 2803654"/>
                  <a:gd name="connsiteY2" fmla="*/ 322711 h 2022746"/>
                  <a:gd name="connsiteX3" fmla="*/ 2232 w 2803654"/>
                  <a:gd name="connsiteY3" fmla="*/ 0 h 2022746"/>
                  <a:gd name="connsiteX4" fmla="*/ 2798647 w 2803654"/>
                  <a:gd name="connsiteY4" fmla="*/ 1460685 h 2022746"/>
                  <a:gd name="connsiteX0" fmla="*/ 2798647 w 2803654"/>
                  <a:gd name="connsiteY0" fmla="*/ 1460685 h 2022746"/>
                  <a:gd name="connsiteX1" fmla="*/ 2803654 w 2803654"/>
                  <a:gd name="connsiteY1" fmla="*/ 2022746 h 2022746"/>
                  <a:gd name="connsiteX2" fmla="*/ 524 w 2803654"/>
                  <a:gd name="connsiteY2" fmla="*/ 322711 h 2022746"/>
                  <a:gd name="connsiteX3" fmla="*/ 2232 w 2803654"/>
                  <a:gd name="connsiteY3" fmla="*/ 0 h 2022746"/>
                  <a:gd name="connsiteX4" fmla="*/ 2798647 w 2803654"/>
                  <a:gd name="connsiteY4" fmla="*/ 1460685 h 2022746"/>
                  <a:gd name="connsiteX0" fmla="*/ 2798123 w 2803130"/>
                  <a:gd name="connsiteY0" fmla="*/ 1460685 h 2022746"/>
                  <a:gd name="connsiteX1" fmla="*/ 2803130 w 2803130"/>
                  <a:gd name="connsiteY1" fmla="*/ 2022746 h 2022746"/>
                  <a:gd name="connsiteX2" fmla="*/ 0 w 2803130"/>
                  <a:gd name="connsiteY2" fmla="*/ 322711 h 2022746"/>
                  <a:gd name="connsiteX3" fmla="*/ 1708 w 2803130"/>
                  <a:gd name="connsiteY3" fmla="*/ 0 h 2022746"/>
                  <a:gd name="connsiteX4" fmla="*/ 2798123 w 2803130"/>
                  <a:gd name="connsiteY4" fmla="*/ 1460685 h 2022746"/>
                  <a:gd name="connsiteX0" fmla="*/ 2798123 w 2803130"/>
                  <a:gd name="connsiteY0" fmla="*/ 1453427 h 2015488"/>
                  <a:gd name="connsiteX1" fmla="*/ 2803130 w 2803130"/>
                  <a:gd name="connsiteY1" fmla="*/ 2015488 h 2015488"/>
                  <a:gd name="connsiteX2" fmla="*/ 0 w 2803130"/>
                  <a:gd name="connsiteY2" fmla="*/ 315453 h 2015488"/>
                  <a:gd name="connsiteX3" fmla="*/ 4127 w 2803130"/>
                  <a:gd name="connsiteY3" fmla="*/ 0 h 2015488"/>
                  <a:gd name="connsiteX4" fmla="*/ 2798123 w 2803130"/>
                  <a:gd name="connsiteY4" fmla="*/ 1453427 h 2015488"/>
                  <a:gd name="connsiteX0" fmla="*/ 2793996 w 2799003"/>
                  <a:gd name="connsiteY0" fmla="*/ 1453427 h 2015488"/>
                  <a:gd name="connsiteX1" fmla="*/ 2799003 w 2799003"/>
                  <a:gd name="connsiteY1" fmla="*/ 2015488 h 2015488"/>
                  <a:gd name="connsiteX2" fmla="*/ 3130 w 2799003"/>
                  <a:gd name="connsiteY2" fmla="*/ 315453 h 2015488"/>
                  <a:gd name="connsiteX3" fmla="*/ 0 w 2799003"/>
                  <a:gd name="connsiteY3" fmla="*/ 0 h 2015488"/>
                  <a:gd name="connsiteX4" fmla="*/ 2793996 w 2799003"/>
                  <a:gd name="connsiteY4" fmla="*/ 1453427 h 2015488"/>
                  <a:gd name="connsiteX0" fmla="*/ 2793996 w 2799003"/>
                  <a:gd name="connsiteY0" fmla="*/ 1453427 h 2015488"/>
                  <a:gd name="connsiteX1" fmla="*/ 2799003 w 2799003"/>
                  <a:gd name="connsiteY1" fmla="*/ 2015488 h 2015488"/>
                  <a:gd name="connsiteX2" fmla="*/ 465 w 2799003"/>
                  <a:gd name="connsiteY2" fmla="*/ 358107 h 2015488"/>
                  <a:gd name="connsiteX3" fmla="*/ 0 w 2799003"/>
                  <a:gd name="connsiteY3" fmla="*/ 0 h 2015488"/>
                  <a:gd name="connsiteX4" fmla="*/ 2793996 w 2799003"/>
                  <a:gd name="connsiteY4" fmla="*/ 1453427 h 2015488"/>
                  <a:gd name="connsiteX0" fmla="*/ 2793531 w 2798538"/>
                  <a:gd name="connsiteY0" fmla="*/ 1440727 h 2002788"/>
                  <a:gd name="connsiteX1" fmla="*/ 2798538 w 2798538"/>
                  <a:gd name="connsiteY1" fmla="*/ 2002788 h 2002788"/>
                  <a:gd name="connsiteX2" fmla="*/ 0 w 2798538"/>
                  <a:gd name="connsiteY2" fmla="*/ 345407 h 2002788"/>
                  <a:gd name="connsiteX3" fmla="*/ 2075 w 2798538"/>
                  <a:gd name="connsiteY3" fmla="*/ 0 h 2002788"/>
                  <a:gd name="connsiteX4" fmla="*/ 2793531 w 2798538"/>
                  <a:gd name="connsiteY4" fmla="*/ 1440727 h 2002788"/>
                  <a:gd name="connsiteX0" fmla="*/ 2796536 w 2801543"/>
                  <a:gd name="connsiteY0" fmla="*/ 1438187 h 2000248"/>
                  <a:gd name="connsiteX1" fmla="*/ 2801543 w 2801543"/>
                  <a:gd name="connsiteY1" fmla="*/ 2000248 h 2000248"/>
                  <a:gd name="connsiteX2" fmla="*/ 3005 w 2801543"/>
                  <a:gd name="connsiteY2" fmla="*/ 342867 h 2000248"/>
                  <a:gd name="connsiteX3" fmla="*/ 0 w 2801543"/>
                  <a:gd name="connsiteY3" fmla="*/ 0 h 2000248"/>
                  <a:gd name="connsiteX4" fmla="*/ 2796536 w 2801543"/>
                  <a:gd name="connsiteY4" fmla="*/ 1438187 h 2000248"/>
                  <a:gd name="connsiteX0" fmla="*/ 2796536 w 2801543"/>
                  <a:gd name="connsiteY0" fmla="*/ 1438187 h 2000248"/>
                  <a:gd name="connsiteX1" fmla="*/ 2801543 w 2801543"/>
                  <a:gd name="connsiteY1" fmla="*/ 2000248 h 2000248"/>
                  <a:gd name="connsiteX2" fmla="*/ 3005 w 2801543"/>
                  <a:gd name="connsiteY2" fmla="*/ 342867 h 2000248"/>
                  <a:gd name="connsiteX3" fmla="*/ 0 w 2801543"/>
                  <a:gd name="connsiteY3" fmla="*/ 0 h 2000248"/>
                  <a:gd name="connsiteX4" fmla="*/ 2796536 w 2801543"/>
                  <a:gd name="connsiteY4" fmla="*/ 1438187 h 2000248"/>
                  <a:gd name="connsiteX0" fmla="*/ 2800062 w 2805069"/>
                  <a:gd name="connsiteY0" fmla="*/ 1438187 h 2000248"/>
                  <a:gd name="connsiteX1" fmla="*/ 2805069 w 2805069"/>
                  <a:gd name="connsiteY1" fmla="*/ 2000248 h 2000248"/>
                  <a:gd name="connsiteX2" fmla="*/ 0 w 2805069"/>
                  <a:gd name="connsiteY2" fmla="*/ 336336 h 2000248"/>
                  <a:gd name="connsiteX3" fmla="*/ 3526 w 2805069"/>
                  <a:gd name="connsiteY3" fmla="*/ 0 h 2000248"/>
                  <a:gd name="connsiteX4" fmla="*/ 2800062 w 2805069"/>
                  <a:gd name="connsiteY4" fmla="*/ 1438187 h 2000248"/>
                  <a:gd name="connsiteX0" fmla="*/ 2796797 w 2801804"/>
                  <a:gd name="connsiteY0" fmla="*/ 1438187 h 2000248"/>
                  <a:gd name="connsiteX1" fmla="*/ 2801804 w 2801804"/>
                  <a:gd name="connsiteY1" fmla="*/ 2000248 h 2000248"/>
                  <a:gd name="connsiteX2" fmla="*/ 0 w 2801804"/>
                  <a:gd name="connsiteY2" fmla="*/ 339601 h 2000248"/>
                  <a:gd name="connsiteX3" fmla="*/ 261 w 2801804"/>
                  <a:gd name="connsiteY3" fmla="*/ 0 h 2000248"/>
                  <a:gd name="connsiteX4" fmla="*/ 2796797 w 2801804"/>
                  <a:gd name="connsiteY4" fmla="*/ 1438187 h 20002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801804" h="2000248">
                    <a:moveTo>
                      <a:pt x="2796797" y="1438187"/>
                    </a:moveTo>
                    <a:cubicBezTo>
                      <a:pt x="2798512" y="1623717"/>
                      <a:pt x="2800089" y="1814718"/>
                      <a:pt x="2801804" y="2000248"/>
                    </a:cubicBezTo>
                    <a:cubicBezTo>
                      <a:pt x="2108048" y="1617489"/>
                      <a:pt x="88781" y="391522"/>
                      <a:pt x="0" y="339601"/>
                    </a:cubicBezTo>
                    <a:cubicBezTo>
                      <a:pt x="78" y="222961"/>
                      <a:pt x="2602" y="172278"/>
                      <a:pt x="261" y="0"/>
                    </a:cubicBezTo>
                    <a:lnTo>
                      <a:pt x="2796797" y="1438187"/>
                    </a:lnTo>
                    <a:close/>
                  </a:path>
                </a:pathLst>
              </a:custGeom>
              <a:solidFill>
                <a:srgbClr val="9FA19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err="1">
                  <a:ln>
                    <a:noFill/>
                  </a:ln>
                  <a:solidFill>
                    <a:prstClr val="white"/>
                  </a:solidFill>
                  <a:effectLst/>
                  <a:uLnTx/>
                  <a:uFillTx/>
                  <a:latin typeface="Open Sans"/>
                  <a:ea typeface="+mn-ea"/>
                  <a:cs typeface="+mn-cs"/>
                </a:endParaRPr>
              </a:p>
            </p:txBody>
          </p:sp>
        </p:grpSp>
        <p:grpSp>
          <p:nvGrpSpPr>
            <p:cNvPr id="14" name="Group 13">
              <a:extLst>
                <a:ext uri="{FF2B5EF4-FFF2-40B4-BE49-F238E27FC236}">
                  <a16:creationId xmlns:a16="http://schemas.microsoft.com/office/drawing/2014/main" id="{89BCAECE-0CD3-462E-A47B-75AF84826920}"/>
                </a:ext>
              </a:extLst>
            </p:cNvPr>
            <p:cNvGrpSpPr/>
            <p:nvPr/>
          </p:nvGrpSpPr>
          <p:grpSpPr>
            <a:xfrm>
              <a:off x="9479224" y="4647516"/>
              <a:ext cx="2074177" cy="1041294"/>
              <a:chOff x="4603503" y="3963566"/>
              <a:chExt cx="2468211" cy="1239109"/>
            </a:xfrm>
          </p:grpSpPr>
          <p:grpSp>
            <p:nvGrpSpPr>
              <p:cNvPr id="15" name="Group 14">
                <a:extLst>
                  <a:ext uri="{FF2B5EF4-FFF2-40B4-BE49-F238E27FC236}">
                    <a16:creationId xmlns:a16="http://schemas.microsoft.com/office/drawing/2014/main" id="{5D27801D-FFB7-4F34-85C4-12628A7FB0C4}"/>
                  </a:ext>
                </a:extLst>
              </p:cNvPr>
              <p:cNvGrpSpPr/>
              <p:nvPr/>
            </p:nvGrpSpPr>
            <p:grpSpPr>
              <a:xfrm>
                <a:off x="4605439" y="3964136"/>
                <a:ext cx="2466275" cy="1238539"/>
                <a:chOff x="4605439" y="3964136"/>
                <a:chExt cx="2466275" cy="1238539"/>
              </a:xfrm>
            </p:grpSpPr>
            <p:grpSp>
              <p:nvGrpSpPr>
                <p:cNvPr id="18" name="Group 17">
                  <a:extLst>
                    <a:ext uri="{FF2B5EF4-FFF2-40B4-BE49-F238E27FC236}">
                      <a16:creationId xmlns:a16="http://schemas.microsoft.com/office/drawing/2014/main" id="{EC7E73C8-5A95-486A-99B3-A870FEAA3664}"/>
                    </a:ext>
                  </a:extLst>
                </p:cNvPr>
                <p:cNvGrpSpPr/>
                <p:nvPr/>
              </p:nvGrpSpPr>
              <p:grpSpPr>
                <a:xfrm>
                  <a:off x="4605439" y="3964136"/>
                  <a:ext cx="2466275" cy="1238539"/>
                  <a:chOff x="4605439" y="3964136"/>
                  <a:chExt cx="2466275" cy="1238539"/>
                </a:xfrm>
              </p:grpSpPr>
              <p:grpSp>
                <p:nvGrpSpPr>
                  <p:cNvPr id="20" name="Group 19">
                    <a:extLst>
                      <a:ext uri="{FF2B5EF4-FFF2-40B4-BE49-F238E27FC236}">
                        <a16:creationId xmlns:a16="http://schemas.microsoft.com/office/drawing/2014/main" id="{29085583-4831-4E5D-A20D-E86422DCD08C}"/>
                      </a:ext>
                    </a:extLst>
                  </p:cNvPr>
                  <p:cNvGrpSpPr/>
                  <p:nvPr/>
                </p:nvGrpSpPr>
                <p:grpSpPr>
                  <a:xfrm>
                    <a:off x="4605439" y="3964136"/>
                    <a:ext cx="2466275" cy="1238539"/>
                    <a:chOff x="3498196" y="1748793"/>
                    <a:chExt cx="4996963" cy="2509426"/>
                  </a:xfrm>
                </p:grpSpPr>
                <p:sp>
                  <p:nvSpPr>
                    <p:cNvPr id="23" name="Freeform: Shape 22">
                      <a:extLst>
                        <a:ext uri="{FF2B5EF4-FFF2-40B4-BE49-F238E27FC236}">
                          <a16:creationId xmlns:a16="http://schemas.microsoft.com/office/drawing/2014/main" id="{3CB74CAF-686D-419F-93F3-0956AA8F65AF}"/>
                        </a:ext>
                      </a:extLst>
                    </p:cNvPr>
                    <p:cNvSpPr/>
                    <p:nvPr/>
                  </p:nvSpPr>
                  <p:spPr>
                    <a:xfrm>
                      <a:off x="3498196" y="1748793"/>
                      <a:ext cx="4996963" cy="1955450"/>
                    </a:xfrm>
                    <a:custGeom>
                      <a:avLst/>
                      <a:gdLst>
                        <a:gd name="connsiteX0" fmla="*/ 2305879 w 5041127"/>
                        <a:gd name="connsiteY0" fmla="*/ 0 h 1956021"/>
                        <a:gd name="connsiteX1" fmla="*/ 5041127 w 5041127"/>
                        <a:gd name="connsiteY1" fmla="*/ 826936 h 1956021"/>
                        <a:gd name="connsiteX2" fmla="*/ 2782957 w 5041127"/>
                        <a:gd name="connsiteY2" fmla="*/ 1956021 h 1956021"/>
                        <a:gd name="connsiteX3" fmla="*/ 0 w 5041127"/>
                        <a:gd name="connsiteY3" fmla="*/ 954157 h 1956021"/>
                        <a:gd name="connsiteX4" fmla="*/ 2305879 w 5041127"/>
                        <a:gd name="connsiteY4" fmla="*/ 0 h 1956021"/>
                        <a:gd name="connsiteX0" fmla="*/ 2305879 w 5018688"/>
                        <a:gd name="connsiteY0" fmla="*/ 0 h 1956021"/>
                        <a:gd name="connsiteX1" fmla="*/ 5018688 w 5018688"/>
                        <a:gd name="connsiteY1" fmla="*/ 829741 h 1956021"/>
                        <a:gd name="connsiteX2" fmla="*/ 2782957 w 5018688"/>
                        <a:gd name="connsiteY2" fmla="*/ 1956021 h 1956021"/>
                        <a:gd name="connsiteX3" fmla="*/ 0 w 5018688"/>
                        <a:gd name="connsiteY3" fmla="*/ 954157 h 1956021"/>
                        <a:gd name="connsiteX4" fmla="*/ 2305879 w 5018688"/>
                        <a:gd name="connsiteY4" fmla="*/ 0 h 1956021"/>
                        <a:gd name="connsiteX0" fmla="*/ 2305879 w 5018688"/>
                        <a:gd name="connsiteY0" fmla="*/ 0 h 1956021"/>
                        <a:gd name="connsiteX1" fmla="*/ 5018688 w 5018688"/>
                        <a:gd name="connsiteY1" fmla="*/ 835351 h 1956021"/>
                        <a:gd name="connsiteX2" fmla="*/ 2782957 w 5018688"/>
                        <a:gd name="connsiteY2" fmla="*/ 1956021 h 1956021"/>
                        <a:gd name="connsiteX3" fmla="*/ 0 w 5018688"/>
                        <a:gd name="connsiteY3" fmla="*/ 954157 h 1956021"/>
                        <a:gd name="connsiteX4" fmla="*/ 2305879 w 5018688"/>
                        <a:gd name="connsiteY4" fmla="*/ 0 h 1956021"/>
                        <a:gd name="connsiteX0" fmla="*/ 2303074 w 5015883"/>
                        <a:gd name="connsiteY0" fmla="*/ 0 h 1956021"/>
                        <a:gd name="connsiteX1" fmla="*/ 5015883 w 5015883"/>
                        <a:gd name="connsiteY1" fmla="*/ 835351 h 1956021"/>
                        <a:gd name="connsiteX2" fmla="*/ 2780152 w 5015883"/>
                        <a:gd name="connsiteY2" fmla="*/ 1956021 h 1956021"/>
                        <a:gd name="connsiteX3" fmla="*/ 0 w 5015883"/>
                        <a:gd name="connsiteY3" fmla="*/ 937327 h 1956021"/>
                        <a:gd name="connsiteX4" fmla="*/ 2303074 w 5015883"/>
                        <a:gd name="connsiteY4" fmla="*/ 0 h 1956021"/>
                        <a:gd name="connsiteX0" fmla="*/ 2303074 w 5015883"/>
                        <a:gd name="connsiteY0" fmla="*/ 0 h 1964436"/>
                        <a:gd name="connsiteX1" fmla="*/ 5015883 w 5015883"/>
                        <a:gd name="connsiteY1" fmla="*/ 835351 h 1964436"/>
                        <a:gd name="connsiteX2" fmla="*/ 2791372 w 5015883"/>
                        <a:gd name="connsiteY2" fmla="*/ 1964436 h 1964436"/>
                        <a:gd name="connsiteX3" fmla="*/ 0 w 5015883"/>
                        <a:gd name="connsiteY3" fmla="*/ 937327 h 1964436"/>
                        <a:gd name="connsiteX4" fmla="*/ 2303074 w 5015883"/>
                        <a:gd name="connsiteY4" fmla="*/ 0 h 1964436"/>
                        <a:gd name="connsiteX0" fmla="*/ 2303074 w 5009847"/>
                        <a:gd name="connsiteY0" fmla="*/ 0 h 1964436"/>
                        <a:gd name="connsiteX1" fmla="*/ 5009847 w 5009847"/>
                        <a:gd name="connsiteY1" fmla="*/ 874583 h 1964436"/>
                        <a:gd name="connsiteX2" fmla="*/ 2791372 w 5009847"/>
                        <a:gd name="connsiteY2" fmla="*/ 1964436 h 1964436"/>
                        <a:gd name="connsiteX3" fmla="*/ 0 w 5009847"/>
                        <a:gd name="connsiteY3" fmla="*/ 937327 h 1964436"/>
                        <a:gd name="connsiteX4" fmla="*/ 2303074 w 5009847"/>
                        <a:gd name="connsiteY4" fmla="*/ 0 h 1964436"/>
                        <a:gd name="connsiteX0" fmla="*/ 2320327 w 5009847"/>
                        <a:gd name="connsiteY0" fmla="*/ 0 h 1860919"/>
                        <a:gd name="connsiteX1" fmla="*/ 5009847 w 5009847"/>
                        <a:gd name="connsiteY1" fmla="*/ 771066 h 1860919"/>
                        <a:gd name="connsiteX2" fmla="*/ 2791372 w 5009847"/>
                        <a:gd name="connsiteY2" fmla="*/ 1860919 h 1860919"/>
                        <a:gd name="connsiteX3" fmla="*/ 0 w 5009847"/>
                        <a:gd name="connsiteY3" fmla="*/ 833810 h 1860919"/>
                        <a:gd name="connsiteX4" fmla="*/ 2320327 w 5009847"/>
                        <a:gd name="connsiteY4" fmla="*/ 0 h 1860919"/>
                        <a:gd name="connsiteX0" fmla="*/ 2331829 w 5009847"/>
                        <a:gd name="connsiteY0" fmla="*/ 0 h 1745900"/>
                        <a:gd name="connsiteX1" fmla="*/ 5009847 w 5009847"/>
                        <a:gd name="connsiteY1" fmla="*/ 656047 h 1745900"/>
                        <a:gd name="connsiteX2" fmla="*/ 2791372 w 5009847"/>
                        <a:gd name="connsiteY2" fmla="*/ 1745900 h 1745900"/>
                        <a:gd name="connsiteX3" fmla="*/ 0 w 5009847"/>
                        <a:gd name="connsiteY3" fmla="*/ 718791 h 1745900"/>
                        <a:gd name="connsiteX4" fmla="*/ 2331829 w 5009847"/>
                        <a:gd name="connsiteY4" fmla="*/ 0 h 1745900"/>
                        <a:gd name="connsiteX0" fmla="*/ 2322639 w 5000657"/>
                        <a:gd name="connsiteY0" fmla="*/ 0 h 1745900"/>
                        <a:gd name="connsiteX1" fmla="*/ 5000657 w 5000657"/>
                        <a:gd name="connsiteY1" fmla="*/ 656047 h 1745900"/>
                        <a:gd name="connsiteX2" fmla="*/ 2782182 w 5000657"/>
                        <a:gd name="connsiteY2" fmla="*/ 1745900 h 1745900"/>
                        <a:gd name="connsiteX3" fmla="*/ 0 w 5000657"/>
                        <a:gd name="connsiteY3" fmla="*/ 530397 h 1745900"/>
                        <a:gd name="connsiteX4" fmla="*/ 2322639 w 5000657"/>
                        <a:gd name="connsiteY4" fmla="*/ 0 h 1745900"/>
                        <a:gd name="connsiteX0" fmla="*/ 2322639 w 5003675"/>
                        <a:gd name="connsiteY0" fmla="*/ 0 h 1745900"/>
                        <a:gd name="connsiteX1" fmla="*/ 5003675 w 5003675"/>
                        <a:gd name="connsiteY1" fmla="*/ 520245 h 1745900"/>
                        <a:gd name="connsiteX2" fmla="*/ 2782182 w 5003675"/>
                        <a:gd name="connsiteY2" fmla="*/ 1745900 h 1745900"/>
                        <a:gd name="connsiteX3" fmla="*/ 0 w 5003675"/>
                        <a:gd name="connsiteY3" fmla="*/ 530397 h 1745900"/>
                        <a:gd name="connsiteX4" fmla="*/ 2322639 w 5003675"/>
                        <a:gd name="connsiteY4" fmla="*/ 0 h 1745900"/>
                        <a:gd name="connsiteX0" fmla="*/ 2322639 w 5000657"/>
                        <a:gd name="connsiteY0" fmla="*/ 0 h 1745900"/>
                        <a:gd name="connsiteX1" fmla="*/ 5000657 w 5000657"/>
                        <a:gd name="connsiteY1" fmla="*/ 499121 h 1745900"/>
                        <a:gd name="connsiteX2" fmla="*/ 2782182 w 5000657"/>
                        <a:gd name="connsiteY2" fmla="*/ 1745900 h 1745900"/>
                        <a:gd name="connsiteX3" fmla="*/ 0 w 5000657"/>
                        <a:gd name="connsiteY3" fmla="*/ 530397 h 1745900"/>
                        <a:gd name="connsiteX4" fmla="*/ 2322639 w 5000657"/>
                        <a:gd name="connsiteY4" fmla="*/ 0 h 1745900"/>
                        <a:gd name="connsiteX0" fmla="*/ 2370264 w 5000657"/>
                        <a:gd name="connsiteY0" fmla="*/ 0 h 1917350"/>
                        <a:gd name="connsiteX1" fmla="*/ 5000657 w 5000657"/>
                        <a:gd name="connsiteY1" fmla="*/ 670571 h 1917350"/>
                        <a:gd name="connsiteX2" fmla="*/ 2782182 w 5000657"/>
                        <a:gd name="connsiteY2" fmla="*/ 1917350 h 1917350"/>
                        <a:gd name="connsiteX3" fmla="*/ 0 w 5000657"/>
                        <a:gd name="connsiteY3" fmla="*/ 701847 h 1917350"/>
                        <a:gd name="connsiteX4" fmla="*/ 2370264 w 5000657"/>
                        <a:gd name="connsiteY4" fmla="*/ 0 h 1917350"/>
                        <a:gd name="connsiteX0" fmla="*/ 2379789 w 5000657"/>
                        <a:gd name="connsiteY0" fmla="*/ 0 h 1955450"/>
                        <a:gd name="connsiteX1" fmla="*/ 5000657 w 5000657"/>
                        <a:gd name="connsiteY1" fmla="*/ 708671 h 1955450"/>
                        <a:gd name="connsiteX2" fmla="*/ 2782182 w 5000657"/>
                        <a:gd name="connsiteY2" fmla="*/ 1955450 h 1955450"/>
                        <a:gd name="connsiteX3" fmla="*/ 0 w 5000657"/>
                        <a:gd name="connsiteY3" fmla="*/ 739947 h 1955450"/>
                        <a:gd name="connsiteX4" fmla="*/ 2379789 w 5000657"/>
                        <a:gd name="connsiteY4" fmla="*/ 0 h 1955450"/>
                        <a:gd name="connsiteX0" fmla="*/ 2376312 w 4997180"/>
                        <a:gd name="connsiteY0" fmla="*/ 0 h 1955450"/>
                        <a:gd name="connsiteX1" fmla="*/ 4997180 w 4997180"/>
                        <a:gd name="connsiteY1" fmla="*/ 708671 h 1955450"/>
                        <a:gd name="connsiteX2" fmla="*/ 2778705 w 4997180"/>
                        <a:gd name="connsiteY2" fmla="*/ 1955450 h 1955450"/>
                        <a:gd name="connsiteX3" fmla="*/ 0 w 4997180"/>
                        <a:gd name="connsiteY3" fmla="*/ 715609 h 1955450"/>
                        <a:gd name="connsiteX4" fmla="*/ 2376312 w 4997180"/>
                        <a:gd name="connsiteY4" fmla="*/ 0 h 1955450"/>
                        <a:gd name="connsiteX0" fmla="*/ 2383569 w 5004437"/>
                        <a:gd name="connsiteY0" fmla="*/ 0 h 1955450"/>
                        <a:gd name="connsiteX1" fmla="*/ 5004437 w 5004437"/>
                        <a:gd name="connsiteY1" fmla="*/ 708671 h 1955450"/>
                        <a:gd name="connsiteX2" fmla="*/ 2785962 w 5004437"/>
                        <a:gd name="connsiteY2" fmla="*/ 1955450 h 1955450"/>
                        <a:gd name="connsiteX3" fmla="*/ 0 w 5004437"/>
                        <a:gd name="connsiteY3" fmla="*/ 718028 h 1955450"/>
                        <a:gd name="connsiteX4" fmla="*/ 2383569 w 5004437"/>
                        <a:gd name="connsiteY4" fmla="*/ 0 h 1955450"/>
                        <a:gd name="connsiteX0" fmla="*/ 2392305 w 5013173"/>
                        <a:gd name="connsiteY0" fmla="*/ 0 h 1955450"/>
                        <a:gd name="connsiteX1" fmla="*/ 5013173 w 5013173"/>
                        <a:gd name="connsiteY1" fmla="*/ 708671 h 1955450"/>
                        <a:gd name="connsiteX2" fmla="*/ 2794698 w 5013173"/>
                        <a:gd name="connsiteY2" fmla="*/ 1955450 h 1955450"/>
                        <a:gd name="connsiteX3" fmla="*/ 0 w 5013173"/>
                        <a:gd name="connsiteY3" fmla="*/ 720940 h 1955450"/>
                        <a:gd name="connsiteX4" fmla="*/ 2392305 w 5013173"/>
                        <a:gd name="connsiteY4" fmla="*/ 0 h 1955450"/>
                        <a:gd name="connsiteX0" fmla="*/ 2392305 w 5000681"/>
                        <a:gd name="connsiteY0" fmla="*/ 0 h 1955450"/>
                        <a:gd name="connsiteX1" fmla="*/ 5000681 w 5000681"/>
                        <a:gd name="connsiteY1" fmla="*/ 706172 h 1955450"/>
                        <a:gd name="connsiteX2" fmla="*/ 2794698 w 5000681"/>
                        <a:gd name="connsiteY2" fmla="*/ 1955450 h 1955450"/>
                        <a:gd name="connsiteX3" fmla="*/ 0 w 5000681"/>
                        <a:gd name="connsiteY3" fmla="*/ 720940 h 1955450"/>
                        <a:gd name="connsiteX4" fmla="*/ 2392305 w 5000681"/>
                        <a:gd name="connsiteY4" fmla="*/ 0 h 1955450"/>
                        <a:gd name="connsiteX0" fmla="*/ 2392305 w 5003180"/>
                        <a:gd name="connsiteY0" fmla="*/ 0 h 1955450"/>
                        <a:gd name="connsiteX1" fmla="*/ 5003180 w 5003180"/>
                        <a:gd name="connsiteY1" fmla="*/ 708670 h 1955450"/>
                        <a:gd name="connsiteX2" fmla="*/ 2794698 w 5003180"/>
                        <a:gd name="connsiteY2" fmla="*/ 1955450 h 1955450"/>
                        <a:gd name="connsiteX3" fmla="*/ 0 w 5003180"/>
                        <a:gd name="connsiteY3" fmla="*/ 720940 h 1955450"/>
                        <a:gd name="connsiteX4" fmla="*/ 2392305 w 5003180"/>
                        <a:gd name="connsiteY4" fmla="*/ 0 h 1955450"/>
                        <a:gd name="connsiteX0" fmla="*/ 2386973 w 4997848"/>
                        <a:gd name="connsiteY0" fmla="*/ 0 h 1955450"/>
                        <a:gd name="connsiteX1" fmla="*/ 4997848 w 4997848"/>
                        <a:gd name="connsiteY1" fmla="*/ 708670 h 1955450"/>
                        <a:gd name="connsiteX2" fmla="*/ 2789366 w 4997848"/>
                        <a:gd name="connsiteY2" fmla="*/ 1955450 h 1955450"/>
                        <a:gd name="connsiteX3" fmla="*/ 0 w 4997848"/>
                        <a:gd name="connsiteY3" fmla="*/ 710276 h 1955450"/>
                        <a:gd name="connsiteX4" fmla="*/ 2386973 w 4997848"/>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13542 h 1955450"/>
                        <a:gd name="connsiteX4" fmla="*/ 2383707 w 4994582"/>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00479 h 1955450"/>
                        <a:gd name="connsiteX4" fmla="*/ 2383707 w 4994582"/>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13542 h 1955450"/>
                        <a:gd name="connsiteX4" fmla="*/ 2383707 w 4994582"/>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13542 h 1955450"/>
                        <a:gd name="connsiteX4" fmla="*/ 2383707 w 4994582"/>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8304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8304 h 1955450"/>
                        <a:gd name="connsiteX4" fmla="*/ 2386088 w 4996963"/>
                        <a:gd name="connsiteY4" fmla="*/ 0 h 1955450"/>
                        <a:gd name="connsiteX0" fmla="*/ 2362276 w 4973151"/>
                        <a:gd name="connsiteY0" fmla="*/ 0 h 1955450"/>
                        <a:gd name="connsiteX1" fmla="*/ 4973151 w 4973151"/>
                        <a:gd name="connsiteY1" fmla="*/ 708670 h 1955450"/>
                        <a:gd name="connsiteX2" fmla="*/ 2764669 w 4973151"/>
                        <a:gd name="connsiteY2" fmla="*/ 1955450 h 1955450"/>
                        <a:gd name="connsiteX3" fmla="*/ 0 w 4973151"/>
                        <a:gd name="connsiteY3" fmla="*/ 696873 h 1955450"/>
                        <a:gd name="connsiteX4" fmla="*/ 2362276 w 4973151"/>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3541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3541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3541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7099 h 1955450"/>
                        <a:gd name="connsiteX4" fmla="*/ 2386088 w 4996963"/>
                        <a:gd name="connsiteY4" fmla="*/ 0 h 19554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996963" h="1955450">
                          <a:moveTo>
                            <a:pt x="2386088" y="0"/>
                          </a:moveTo>
                          <a:lnTo>
                            <a:pt x="4996963" y="708670"/>
                          </a:lnTo>
                          <a:lnTo>
                            <a:pt x="2788481" y="1955450"/>
                          </a:lnTo>
                          <a:lnTo>
                            <a:pt x="0" y="717099"/>
                          </a:lnTo>
                          <a:lnTo>
                            <a:pt x="2386088" y="0"/>
                          </a:lnTo>
                          <a:close/>
                        </a:path>
                      </a:pathLst>
                    </a:custGeom>
                    <a:solidFill>
                      <a:srgbClr val="18698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err="1">
                        <a:ln>
                          <a:noFill/>
                        </a:ln>
                        <a:solidFill>
                          <a:prstClr val="white"/>
                        </a:solidFill>
                        <a:effectLst/>
                        <a:uLnTx/>
                        <a:uFillTx/>
                        <a:latin typeface="Open Sans"/>
                        <a:ea typeface="+mn-ea"/>
                        <a:cs typeface="+mn-cs"/>
                      </a:endParaRPr>
                    </a:p>
                  </p:txBody>
                </p:sp>
                <p:sp>
                  <p:nvSpPr>
                    <p:cNvPr id="24" name="Freeform: Shape 23">
                      <a:extLst>
                        <a:ext uri="{FF2B5EF4-FFF2-40B4-BE49-F238E27FC236}">
                          <a16:creationId xmlns:a16="http://schemas.microsoft.com/office/drawing/2014/main" id="{FF1C0555-3D32-402D-AC3B-02EBF060FAB5}"/>
                        </a:ext>
                      </a:extLst>
                    </p:cNvPr>
                    <p:cNvSpPr/>
                    <p:nvPr/>
                  </p:nvSpPr>
                  <p:spPr>
                    <a:xfrm>
                      <a:off x="6275192" y="2454118"/>
                      <a:ext cx="2217047" cy="1802832"/>
                    </a:xfrm>
                    <a:custGeom>
                      <a:avLst/>
                      <a:gdLst>
                        <a:gd name="connsiteX0" fmla="*/ 2250219 w 2258170"/>
                        <a:gd name="connsiteY0" fmla="*/ 0 h 1645920"/>
                        <a:gd name="connsiteX1" fmla="*/ 2258170 w 2258170"/>
                        <a:gd name="connsiteY1" fmla="*/ 469126 h 1645920"/>
                        <a:gd name="connsiteX2" fmla="*/ 15902 w 2258170"/>
                        <a:gd name="connsiteY2" fmla="*/ 1645920 h 1645920"/>
                        <a:gd name="connsiteX3" fmla="*/ 0 w 2258170"/>
                        <a:gd name="connsiteY3" fmla="*/ 1105231 h 1645920"/>
                        <a:gd name="connsiteX4" fmla="*/ 2250219 w 2258170"/>
                        <a:gd name="connsiteY4" fmla="*/ 0 h 1645920"/>
                        <a:gd name="connsiteX0" fmla="*/ 2244609 w 2258170"/>
                        <a:gd name="connsiteY0" fmla="*/ 0 h 1671164"/>
                        <a:gd name="connsiteX1" fmla="*/ 2258170 w 2258170"/>
                        <a:gd name="connsiteY1" fmla="*/ 494370 h 1671164"/>
                        <a:gd name="connsiteX2" fmla="*/ 15902 w 2258170"/>
                        <a:gd name="connsiteY2" fmla="*/ 1671164 h 1671164"/>
                        <a:gd name="connsiteX3" fmla="*/ 0 w 2258170"/>
                        <a:gd name="connsiteY3" fmla="*/ 1130475 h 1671164"/>
                        <a:gd name="connsiteX4" fmla="*/ 2244609 w 2258170"/>
                        <a:gd name="connsiteY4" fmla="*/ 0 h 1671164"/>
                        <a:gd name="connsiteX0" fmla="*/ 2244609 w 2244609"/>
                        <a:gd name="connsiteY0" fmla="*/ 0 h 1671164"/>
                        <a:gd name="connsiteX1" fmla="*/ 2235731 w 2244609"/>
                        <a:gd name="connsiteY1" fmla="*/ 494370 h 1671164"/>
                        <a:gd name="connsiteX2" fmla="*/ 15902 w 2244609"/>
                        <a:gd name="connsiteY2" fmla="*/ 1671164 h 1671164"/>
                        <a:gd name="connsiteX3" fmla="*/ 0 w 2244609"/>
                        <a:gd name="connsiteY3" fmla="*/ 1130475 h 1671164"/>
                        <a:gd name="connsiteX4" fmla="*/ 2244609 w 2244609"/>
                        <a:gd name="connsiteY4" fmla="*/ 0 h 1671164"/>
                        <a:gd name="connsiteX0" fmla="*/ 2244609 w 2244609"/>
                        <a:gd name="connsiteY0" fmla="*/ 0 h 1682383"/>
                        <a:gd name="connsiteX1" fmla="*/ 2235731 w 2244609"/>
                        <a:gd name="connsiteY1" fmla="*/ 494370 h 1682383"/>
                        <a:gd name="connsiteX2" fmla="*/ 13097 w 2244609"/>
                        <a:gd name="connsiteY2" fmla="*/ 1682383 h 1682383"/>
                        <a:gd name="connsiteX3" fmla="*/ 0 w 2244609"/>
                        <a:gd name="connsiteY3" fmla="*/ 1130475 h 1682383"/>
                        <a:gd name="connsiteX4" fmla="*/ 2244609 w 2244609"/>
                        <a:gd name="connsiteY4" fmla="*/ 0 h 1682383"/>
                        <a:gd name="connsiteX0" fmla="*/ 2239000 w 2239000"/>
                        <a:gd name="connsiteY0" fmla="*/ 0 h 1682383"/>
                        <a:gd name="connsiteX1" fmla="*/ 2230122 w 2239000"/>
                        <a:gd name="connsiteY1" fmla="*/ 494370 h 1682383"/>
                        <a:gd name="connsiteX2" fmla="*/ 7488 w 2239000"/>
                        <a:gd name="connsiteY2" fmla="*/ 1682383 h 1682383"/>
                        <a:gd name="connsiteX3" fmla="*/ 0 w 2239000"/>
                        <a:gd name="connsiteY3" fmla="*/ 1122060 h 1682383"/>
                        <a:gd name="connsiteX4" fmla="*/ 2239000 w 2239000"/>
                        <a:gd name="connsiteY4" fmla="*/ 0 h 1682383"/>
                        <a:gd name="connsiteX0" fmla="*/ 2233390 w 2233390"/>
                        <a:gd name="connsiteY0" fmla="*/ 0 h 1682383"/>
                        <a:gd name="connsiteX1" fmla="*/ 2230122 w 2233390"/>
                        <a:gd name="connsiteY1" fmla="*/ 494370 h 1682383"/>
                        <a:gd name="connsiteX2" fmla="*/ 7488 w 2233390"/>
                        <a:gd name="connsiteY2" fmla="*/ 1682383 h 1682383"/>
                        <a:gd name="connsiteX3" fmla="*/ 0 w 2233390"/>
                        <a:gd name="connsiteY3" fmla="*/ 1122060 h 1682383"/>
                        <a:gd name="connsiteX4" fmla="*/ 2233390 w 2233390"/>
                        <a:gd name="connsiteY4" fmla="*/ 0 h 1682383"/>
                        <a:gd name="connsiteX0" fmla="*/ 2225902 w 2225902"/>
                        <a:gd name="connsiteY0" fmla="*/ 0 h 1682383"/>
                        <a:gd name="connsiteX1" fmla="*/ 2222634 w 2225902"/>
                        <a:gd name="connsiteY1" fmla="*/ 494370 h 1682383"/>
                        <a:gd name="connsiteX2" fmla="*/ 0 w 2225902"/>
                        <a:gd name="connsiteY2" fmla="*/ 1682383 h 1682383"/>
                        <a:gd name="connsiteX3" fmla="*/ 9342 w 2225902"/>
                        <a:gd name="connsiteY3" fmla="*/ 1119255 h 1682383"/>
                        <a:gd name="connsiteX4" fmla="*/ 2225902 w 2225902"/>
                        <a:gd name="connsiteY4" fmla="*/ 0 h 1682383"/>
                        <a:gd name="connsiteX0" fmla="*/ 2217487 w 2217487"/>
                        <a:gd name="connsiteY0" fmla="*/ 0 h 1679578"/>
                        <a:gd name="connsiteX1" fmla="*/ 2214219 w 2217487"/>
                        <a:gd name="connsiteY1" fmla="*/ 494370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79578"/>
                        <a:gd name="connsiteX1" fmla="*/ 2214219 w 2217487"/>
                        <a:gd name="connsiteY1" fmla="*/ 473245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43365"/>
                        <a:gd name="connsiteX1" fmla="*/ 2214219 w 2217487"/>
                        <a:gd name="connsiteY1" fmla="*/ 437032 h 1643365"/>
                        <a:gd name="connsiteX2" fmla="*/ 0 w 2217487"/>
                        <a:gd name="connsiteY2" fmla="*/ 1643365 h 1643365"/>
                        <a:gd name="connsiteX3" fmla="*/ 927 w 2217487"/>
                        <a:gd name="connsiteY3" fmla="*/ 1083042 h 1643365"/>
                        <a:gd name="connsiteX4" fmla="*/ 2217487 w 2217487"/>
                        <a:gd name="connsiteY4" fmla="*/ 0 h 1643365"/>
                        <a:gd name="connsiteX0" fmla="*/ 2217487 w 2217487"/>
                        <a:gd name="connsiteY0" fmla="*/ 0 h 1643365"/>
                        <a:gd name="connsiteX1" fmla="*/ 2214219 w 2217487"/>
                        <a:gd name="connsiteY1" fmla="*/ 437032 h 1643365"/>
                        <a:gd name="connsiteX2" fmla="*/ 0 w 2217487"/>
                        <a:gd name="connsiteY2" fmla="*/ 1643365 h 1643365"/>
                        <a:gd name="connsiteX3" fmla="*/ 40932 w 2217487"/>
                        <a:gd name="connsiteY3" fmla="*/ 1143049 h 1643365"/>
                        <a:gd name="connsiteX4" fmla="*/ 2217487 w 2217487"/>
                        <a:gd name="connsiteY4" fmla="*/ 0 h 1643365"/>
                        <a:gd name="connsiteX0" fmla="*/ 2219418 w 2219418"/>
                        <a:gd name="connsiteY0" fmla="*/ 0 h 1643365"/>
                        <a:gd name="connsiteX1" fmla="*/ 2216150 w 2219418"/>
                        <a:gd name="connsiteY1" fmla="*/ 437032 h 1643365"/>
                        <a:gd name="connsiteX2" fmla="*/ 1931 w 2219418"/>
                        <a:gd name="connsiteY2" fmla="*/ 1643365 h 1643365"/>
                        <a:gd name="connsiteX3" fmla="*/ 0 w 2219418"/>
                        <a:gd name="connsiteY3" fmla="*/ 1094472 h 1643365"/>
                        <a:gd name="connsiteX4" fmla="*/ 2219418 w 2219418"/>
                        <a:gd name="connsiteY4" fmla="*/ 0 h 1643365"/>
                        <a:gd name="connsiteX0" fmla="*/ 2225133 w 2225133"/>
                        <a:gd name="connsiteY0" fmla="*/ 0 h 1643365"/>
                        <a:gd name="connsiteX1" fmla="*/ 2221865 w 2225133"/>
                        <a:gd name="connsiteY1" fmla="*/ 437032 h 1643365"/>
                        <a:gd name="connsiteX2" fmla="*/ 7646 w 2225133"/>
                        <a:gd name="connsiteY2" fmla="*/ 1643365 h 1643365"/>
                        <a:gd name="connsiteX3" fmla="*/ 0 w 2225133"/>
                        <a:gd name="connsiteY3" fmla="*/ 1094472 h 1643365"/>
                        <a:gd name="connsiteX4" fmla="*/ 2225133 w 2225133"/>
                        <a:gd name="connsiteY4" fmla="*/ 0 h 1643365"/>
                        <a:gd name="connsiteX0" fmla="*/ 2222275 w 2222275"/>
                        <a:gd name="connsiteY0" fmla="*/ 0 h 1643365"/>
                        <a:gd name="connsiteX1" fmla="*/ 2219007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19257 w 2219353"/>
                        <a:gd name="connsiteY0" fmla="*/ 0 h 1776149"/>
                        <a:gd name="connsiteX1" fmla="*/ 2219007 w 2219353"/>
                        <a:gd name="connsiteY1" fmla="*/ 569816 h 1776149"/>
                        <a:gd name="connsiteX2" fmla="*/ 4788 w 2219353"/>
                        <a:gd name="connsiteY2" fmla="*/ 1776149 h 1776149"/>
                        <a:gd name="connsiteX3" fmla="*/ 0 w 2219353"/>
                        <a:gd name="connsiteY3" fmla="*/ 1218684 h 1776149"/>
                        <a:gd name="connsiteX4" fmla="*/ 2219257 w 2219353"/>
                        <a:gd name="connsiteY4" fmla="*/ 0 h 1776149"/>
                        <a:gd name="connsiteX0" fmla="*/ 2219257 w 2219353"/>
                        <a:gd name="connsiteY0" fmla="*/ 0 h 1776149"/>
                        <a:gd name="connsiteX1" fmla="*/ 2219007 w 2219353"/>
                        <a:gd name="connsiteY1" fmla="*/ 391765 h 1776149"/>
                        <a:gd name="connsiteX2" fmla="*/ 4788 w 2219353"/>
                        <a:gd name="connsiteY2" fmla="*/ 1776149 h 1776149"/>
                        <a:gd name="connsiteX3" fmla="*/ 0 w 2219353"/>
                        <a:gd name="connsiteY3" fmla="*/ 1218684 h 1776149"/>
                        <a:gd name="connsiteX4" fmla="*/ 2219257 w 2219353"/>
                        <a:gd name="connsiteY4" fmla="*/ 0 h 1776149"/>
                        <a:gd name="connsiteX0" fmla="*/ 2225293 w 2225293"/>
                        <a:gd name="connsiteY0" fmla="*/ 0 h 1800292"/>
                        <a:gd name="connsiteX1" fmla="*/ 2219007 w 2225293"/>
                        <a:gd name="connsiteY1" fmla="*/ 415908 h 1800292"/>
                        <a:gd name="connsiteX2" fmla="*/ 4788 w 2225293"/>
                        <a:gd name="connsiteY2" fmla="*/ 1800292 h 1800292"/>
                        <a:gd name="connsiteX3" fmla="*/ 0 w 2225293"/>
                        <a:gd name="connsiteY3" fmla="*/ 1242827 h 1800292"/>
                        <a:gd name="connsiteX4" fmla="*/ 2225293 w 2225293"/>
                        <a:gd name="connsiteY4" fmla="*/ 0 h 1800292"/>
                        <a:gd name="connsiteX0" fmla="*/ 2225293 w 2225293"/>
                        <a:gd name="connsiteY0" fmla="*/ 0 h 1800292"/>
                        <a:gd name="connsiteX1" fmla="*/ 2219007 w 2225293"/>
                        <a:gd name="connsiteY1" fmla="*/ 376676 h 1800292"/>
                        <a:gd name="connsiteX2" fmla="*/ 4788 w 2225293"/>
                        <a:gd name="connsiteY2" fmla="*/ 1800292 h 1800292"/>
                        <a:gd name="connsiteX3" fmla="*/ 0 w 2225293"/>
                        <a:gd name="connsiteY3" fmla="*/ 1242827 h 1800292"/>
                        <a:gd name="connsiteX4" fmla="*/ 2225293 w 2225293"/>
                        <a:gd name="connsiteY4" fmla="*/ 0 h 1800292"/>
                        <a:gd name="connsiteX0" fmla="*/ 2215299 w 2219142"/>
                        <a:gd name="connsiteY0" fmla="*/ 0 h 1800292"/>
                        <a:gd name="connsiteX1" fmla="*/ 2219007 w 2219142"/>
                        <a:gd name="connsiteY1" fmla="*/ 376676 h 1800292"/>
                        <a:gd name="connsiteX2" fmla="*/ 4788 w 2219142"/>
                        <a:gd name="connsiteY2" fmla="*/ 1800292 h 1800292"/>
                        <a:gd name="connsiteX3" fmla="*/ 0 w 2219142"/>
                        <a:gd name="connsiteY3" fmla="*/ 1242827 h 1800292"/>
                        <a:gd name="connsiteX4" fmla="*/ 2215299 w 2219142"/>
                        <a:gd name="connsiteY4" fmla="*/ 0 h 1800292"/>
                        <a:gd name="connsiteX0" fmla="*/ 2215299 w 2219007"/>
                        <a:gd name="connsiteY0" fmla="*/ 0 h 1800292"/>
                        <a:gd name="connsiteX1" fmla="*/ 2219007 w 2219007"/>
                        <a:gd name="connsiteY1" fmla="*/ 376676 h 1800292"/>
                        <a:gd name="connsiteX2" fmla="*/ 4788 w 2219007"/>
                        <a:gd name="connsiteY2" fmla="*/ 1800292 h 1800292"/>
                        <a:gd name="connsiteX3" fmla="*/ 0 w 2219007"/>
                        <a:gd name="connsiteY3" fmla="*/ 1242827 h 1800292"/>
                        <a:gd name="connsiteX4" fmla="*/ 2215299 w 2219007"/>
                        <a:gd name="connsiteY4" fmla="*/ 0 h 1800292"/>
                        <a:gd name="connsiteX0" fmla="*/ 2215299 w 2216508"/>
                        <a:gd name="connsiteY0" fmla="*/ 0 h 1800292"/>
                        <a:gd name="connsiteX1" fmla="*/ 2216508 w 2216508"/>
                        <a:gd name="connsiteY1" fmla="*/ 376676 h 1800292"/>
                        <a:gd name="connsiteX2" fmla="*/ 4788 w 2216508"/>
                        <a:gd name="connsiteY2" fmla="*/ 1800292 h 1800292"/>
                        <a:gd name="connsiteX3" fmla="*/ 0 w 2216508"/>
                        <a:gd name="connsiteY3" fmla="*/ 1242827 h 1800292"/>
                        <a:gd name="connsiteX4" fmla="*/ 2215299 w 2216508"/>
                        <a:gd name="connsiteY4" fmla="*/ 0 h 1800292"/>
                        <a:gd name="connsiteX0" fmla="*/ 2215299 w 2216508"/>
                        <a:gd name="connsiteY0" fmla="*/ 0 h 1800292"/>
                        <a:gd name="connsiteX1" fmla="*/ 2216508 w 2216508"/>
                        <a:gd name="connsiteY1" fmla="*/ 376676 h 1800292"/>
                        <a:gd name="connsiteX2" fmla="*/ 7700 w 2216508"/>
                        <a:gd name="connsiteY2" fmla="*/ 1800292 h 1800292"/>
                        <a:gd name="connsiteX3" fmla="*/ 0 w 2216508"/>
                        <a:gd name="connsiteY3" fmla="*/ 1242827 h 1800292"/>
                        <a:gd name="connsiteX4" fmla="*/ 2215299 w 2216508"/>
                        <a:gd name="connsiteY4" fmla="*/ 0 h 1800292"/>
                        <a:gd name="connsiteX0" fmla="*/ 2215299 w 2216508"/>
                        <a:gd name="connsiteY0" fmla="*/ 0 h 1800292"/>
                        <a:gd name="connsiteX1" fmla="*/ 2216508 w 2216508"/>
                        <a:gd name="connsiteY1" fmla="*/ 376676 h 1800292"/>
                        <a:gd name="connsiteX2" fmla="*/ 1876 w 2216508"/>
                        <a:gd name="connsiteY2" fmla="*/ 1800292 h 1800292"/>
                        <a:gd name="connsiteX3" fmla="*/ 0 w 2216508"/>
                        <a:gd name="connsiteY3" fmla="*/ 1242827 h 1800292"/>
                        <a:gd name="connsiteX4" fmla="*/ 2215299 w 2216508"/>
                        <a:gd name="connsiteY4" fmla="*/ 0 h 1800292"/>
                        <a:gd name="connsiteX0" fmla="*/ 2215299 w 2216508"/>
                        <a:gd name="connsiteY0" fmla="*/ 0 h 1797752"/>
                        <a:gd name="connsiteX1" fmla="*/ 2216508 w 2216508"/>
                        <a:gd name="connsiteY1" fmla="*/ 376676 h 1797752"/>
                        <a:gd name="connsiteX2" fmla="*/ 9496 w 2216508"/>
                        <a:gd name="connsiteY2" fmla="*/ 1797752 h 1797752"/>
                        <a:gd name="connsiteX3" fmla="*/ 0 w 2216508"/>
                        <a:gd name="connsiteY3" fmla="*/ 1242827 h 1797752"/>
                        <a:gd name="connsiteX4" fmla="*/ 2215299 w 2216508"/>
                        <a:gd name="connsiteY4" fmla="*/ 0 h 1797752"/>
                        <a:gd name="connsiteX0" fmla="*/ 2212759 w 2213968"/>
                        <a:gd name="connsiteY0" fmla="*/ 0 h 1797752"/>
                        <a:gd name="connsiteX1" fmla="*/ 2213968 w 2213968"/>
                        <a:gd name="connsiteY1" fmla="*/ 376676 h 1797752"/>
                        <a:gd name="connsiteX2" fmla="*/ 6956 w 2213968"/>
                        <a:gd name="connsiteY2" fmla="*/ 1797752 h 1797752"/>
                        <a:gd name="connsiteX3" fmla="*/ 0 w 2213968"/>
                        <a:gd name="connsiteY3" fmla="*/ 1242827 h 1797752"/>
                        <a:gd name="connsiteX4" fmla="*/ 2212759 w 2213968"/>
                        <a:gd name="connsiteY4" fmla="*/ 0 h 1797752"/>
                        <a:gd name="connsiteX0" fmla="*/ 2212759 w 2213968"/>
                        <a:gd name="connsiteY0" fmla="*/ 0 h 1797752"/>
                        <a:gd name="connsiteX1" fmla="*/ 2213968 w 2213968"/>
                        <a:gd name="connsiteY1" fmla="*/ 376676 h 1797752"/>
                        <a:gd name="connsiteX2" fmla="*/ 6956 w 2213968"/>
                        <a:gd name="connsiteY2" fmla="*/ 1797752 h 1797752"/>
                        <a:gd name="connsiteX3" fmla="*/ 0 w 2213968"/>
                        <a:gd name="connsiteY3" fmla="*/ 1242827 h 1797752"/>
                        <a:gd name="connsiteX4" fmla="*/ 2212759 w 2213968"/>
                        <a:gd name="connsiteY4" fmla="*/ 0 h 1797752"/>
                        <a:gd name="connsiteX0" fmla="*/ 2212759 w 2213968"/>
                        <a:gd name="connsiteY0" fmla="*/ 0 h 1797752"/>
                        <a:gd name="connsiteX1" fmla="*/ 2213968 w 2213968"/>
                        <a:gd name="connsiteY1" fmla="*/ 376676 h 1797752"/>
                        <a:gd name="connsiteX2" fmla="*/ 6956 w 2213968"/>
                        <a:gd name="connsiteY2" fmla="*/ 1797752 h 1797752"/>
                        <a:gd name="connsiteX3" fmla="*/ 0 w 2213968"/>
                        <a:gd name="connsiteY3" fmla="*/ 1242827 h 1797752"/>
                        <a:gd name="connsiteX4" fmla="*/ 2212759 w 2213968"/>
                        <a:gd name="connsiteY4" fmla="*/ 0 h 1797752"/>
                        <a:gd name="connsiteX0" fmla="*/ 2212759 w 2213968"/>
                        <a:gd name="connsiteY0" fmla="*/ 0 h 1797752"/>
                        <a:gd name="connsiteX1" fmla="*/ 2213968 w 2213968"/>
                        <a:gd name="connsiteY1" fmla="*/ 376676 h 1797752"/>
                        <a:gd name="connsiteX2" fmla="*/ 6956 w 2213968"/>
                        <a:gd name="connsiteY2" fmla="*/ 1797752 h 1797752"/>
                        <a:gd name="connsiteX3" fmla="*/ 0 w 2213968"/>
                        <a:gd name="connsiteY3" fmla="*/ 1242827 h 1797752"/>
                        <a:gd name="connsiteX4" fmla="*/ 2212759 w 2213968"/>
                        <a:gd name="connsiteY4" fmla="*/ 0 h 1797752"/>
                        <a:gd name="connsiteX0" fmla="*/ 2212759 w 2213968"/>
                        <a:gd name="connsiteY0" fmla="*/ 0 h 1802832"/>
                        <a:gd name="connsiteX1" fmla="*/ 2213968 w 2213968"/>
                        <a:gd name="connsiteY1" fmla="*/ 376676 h 1802832"/>
                        <a:gd name="connsiteX2" fmla="*/ 6956 w 2213968"/>
                        <a:gd name="connsiteY2" fmla="*/ 1802832 h 1802832"/>
                        <a:gd name="connsiteX3" fmla="*/ 0 w 2213968"/>
                        <a:gd name="connsiteY3" fmla="*/ 1242827 h 1802832"/>
                        <a:gd name="connsiteX4" fmla="*/ 2212759 w 2213968"/>
                        <a:gd name="connsiteY4" fmla="*/ 0 h 1802832"/>
                        <a:gd name="connsiteX0" fmla="*/ 2215838 w 2217047"/>
                        <a:gd name="connsiteY0" fmla="*/ 0 h 1802832"/>
                        <a:gd name="connsiteX1" fmla="*/ 2217047 w 2217047"/>
                        <a:gd name="connsiteY1" fmla="*/ 376676 h 1802832"/>
                        <a:gd name="connsiteX2" fmla="*/ 10035 w 2217047"/>
                        <a:gd name="connsiteY2" fmla="*/ 1802832 h 1802832"/>
                        <a:gd name="connsiteX3" fmla="*/ 0 w 2217047"/>
                        <a:gd name="connsiteY3" fmla="*/ 1252063 h 1802832"/>
                        <a:gd name="connsiteX4" fmla="*/ 2215838 w 2217047"/>
                        <a:gd name="connsiteY4" fmla="*/ 0 h 1802832"/>
                        <a:gd name="connsiteX0" fmla="*/ 2215838 w 2217047"/>
                        <a:gd name="connsiteY0" fmla="*/ 0 h 1802832"/>
                        <a:gd name="connsiteX1" fmla="*/ 2217047 w 2217047"/>
                        <a:gd name="connsiteY1" fmla="*/ 376676 h 1802832"/>
                        <a:gd name="connsiteX2" fmla="*/ 10035 w 2217047"/>
                        <a:gd name="connsiteY2" fmla="*/ 1802832 h 1802832"/>
                        <a:gd name="connsiteX3" fmla="*/ 0 w 2217047"/>
                        <a:gd name="connsiteY3" fmla="*/ 1252063 h 1802832"/>
                        <a:gd name="connsiteX4" fmla="*/ 2215838 w 2217047"/>
                        <a:gd name="connsiteY4" fmla="*/ 0 h 1802832"/>
                        <a:gd name="connsiteX0" fmla="*/ 2215838 w 2217047"/>
                        <a:gd name="connsiteY0" fmla="*/ 0 h 1802832"/>
                        <a:gd name="connsiteX1" fmla="*/ 2217047 w 2217047"/>
                        <a:gd name="connsiteY1" fmla="*/ 376676 h 1802832"/>
                        <a:gd name="connsiteX2" fmla="*/ 10035 w 2217047"/>
                        <a:gd name="connsiteY2" fmla="*/ 1802832 h 1802832"/>
                        <a:gd name="connsiteX3" fmla="*/ 0 w 2217047"/>
                        <a:gd name="connsiteY3" fmla="*/ 1252063 h 1802832"/>
                        <a:gd name="connsiteX4" fmla="*/ 2215838 w 2217047"/>
                        <a:gd name="connsiteY4" fmla="*/ 0 h 1802832"/>
                        <a:gd name="connsiteX0" fmla="*/ 2215838 w 2217047"/>
                        <a:gd name="connsiteY0" fmla="*/ 0 h 1802832"/>
                        <a:gd name="connsiteX1" fmla="*/ 2217047 w 2217047"/>
                        <a:gd name="connsiteY1" fmla="*/ 376676 h 1802832"/>
                        <a:gd name="connsiteX2" fmla="*/ 10035 w 2217047"/>
                        <a:gd name="connsiteY2" fmla="*/ 1802832 h 1802832"/>
                        <a:gd name="connsiteX3" fmla="*/ 0 w 2217047"/>
                        <a:gd name="connsiteY3" fmla="*/ 1252063 h 1802832"/>
                        <a:gd name="connsiteX4" fmla="*/ 2215838 w 2217047"/>
                        <a:gd name="connsiteY4" fmla="*/ 0 h 180283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17047" h="1802832">
                          <a:moveTo>
                            <a:pt x="2215838" y="0"/>
                          </a:moveTo>
                          <a:cubicBezTo>
                            <a:pt x="2214749" y="164790"/>
                            <a:pt x="2215637" y="279341"/>
                            <a:pt x="2217047" y="376676"/>
                          </a:cubicBezTo>
                          <a:lnTo>
                            <a:pt x="10035" y="1802832"/>
                          </a:lnTo>
                          <a:cubicBezTo>
                            <a:pt x="5773" y="1711462"/>
                            <a:pt x="6263" y="1309181"/>
                            <a:pt x="0" y="1252063"/>
                          </a:cubicBezTo>
                          <a:lnTo>
                            <a:pt x="2215838" y="0"/>
                          </a:lnTo>
                          <a:close/>
                        </a:path>
                      </a:pathLst>
                    </a:custGeom>
                    <a:solidFill>
                      <a:srgbClr val="194B6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err="1">
                        <a:ln>
                          <a:noFill/>
                        </a:ln>
                        <a:solidFill>
                          <a:prstClr val="white"/>
                        </a:solidFill>
                        <a:effectLst/>
                        <a:uLnTx/>
                        <a:uFillTx/>
                        <a:latin typeface="Open Sans"/>
                        <a:ea typeface="+mn-ea"/>
                        <a:cs typeface="+mn-cs"/>
                      </a:endParaRPr>
                    </a:p>
                  </p:txBody>
                </p:sp>
                <p:sp>
                  <p:nvSpPr>
                    <p:cNvPr id="25" name="Freeform: Shape 24">
                      <a:extLst>
                        <a:ext uri="{FF2B5EF4-FFF2-40B4-BE49-F238E27FC236}">
                          <a16:creationId xmlns:a16="http://schemas.microsoft.com/office/drawing/2014/main" id="{ADB119CF-FAE7-4476-8955-2C090CF9AFDA}"/>
                        </a:ext>
                      </a:extLst>
                    </p:cNvPr>
                    <p:cNvSpPr/>
                    <p:nvPr/>
                  </p:nvSpPr>
                  <p:spPr>
                    <a:xfrm>
                      <a:off x="3498526" y="2461884"/>
                      <a:ext cx="2791746" cy="1796335"/>
                    </a:xfrm>
                    <a:custGeom>
                      <a:avLst/>
                      <a:gdLst>
                        <a:gd name="connsiteX0" fmla="*/ 2782957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2957 w 2790908"/>
                        <a:gd name="connsiteY4" fmla="*/ 1009816 h 1566407"/>
                        <a:gd name="connsiteX0" fmla="*/ 2785762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5762 w 2790908"/>
                        <a:gd name="connsiteY4" fmla="*/ 1009816 h 1566407"/>
                        <a:gd name="connsiteX0" fmla="*/ 2788567 w 2790908"/>
                        <a:gd name="connsiteY0" fmla="*/ 1004206 h 1566407"/>
                        <a:gd name="connsiteX1" fmla="*/ 2790908 w 2790908"/>
                        <a:gd name="connsiteY1" fmla="*/ 1566407 h 1566407"/>
                        <a:gd name="connsiteX2" fmla="*/ 23854 w 2790908"/>
                        <a:gd name="connsiteY2" fmla="*/ 516835 h 1566407"/>
                        <a:gd name="connsiteX3" fmla="*/ 0 w 2790908"/>
                        <a:gd name="connsiteY3" fmla="*/ 0 h 1566407"/>
                        <a:gd name="connsiteX4" fmla="*/ 2788567 w 2790908"/>
                        <a:gd name="connsiteY4" fmla="*/ 1004206 h 1566407"/>
                        <a:gd name="connsiteX0" fmla="*/ 2788567 w 2790908"/>
                        <a:gd name="connsiteY0" fmla="*/ 1004206 h 1566407"/>
                        <a:gd name="connsiteX1" fmla="*/ 2790908 w 2790908"/>
                        <a:gd name="connsiteY1" fmla="*/ 1566407 h 1566407"/>
                        <a:gd name="connsiteX2" fmla="*/ 7024 w 2790908"/>
                        <a:gd name="connsiteY2" fmla="*/ 516835 h 1566407"/>
                        <a:gd name="connsiteX3" fmla="*/ 0 w 2790908"/>
                        <a:gd name="connsiteY3" fmla="*/ 0 h 1566407"/>
                        <a:gd name="connsiteX4" fmla="*/ 2788567 w 2790908"/>
                        <a:gd name="connsiteY4" fmla="*/ 1004206 h 1566407"/>
                        <a:gd name="connsiteX0" fmla="*/ 2782957 w 2785298"/>
                        <a:gd name="connsiteY0" fmla="*/ 1009816 h 1572017"/>
                        <a:gd name="connsiteX1" fmla="*/ 2785298 w 2785298"/>
                        <a:gd name="connsiteY1" fmla="*/ 1572017 h 1572017"/>
                        <a:gd name="connsiteX2" fmla="*/ 1414 w 2785298"/>
                        <a:gd name="connsiteY2" fmla="*/ 522445 h 1572017"/>
                        <a:gd name="connsiteX3" fmla="*/ 0 w 2785298"/>
                        <a:gd name="connsiteY3" fmla="*/ 0 h 1572017"/>
                        <a:gd name="connsiteX4" fmla="*/ 2782957 w 2785298"/>
                        <a:gd name="connsiteY4" fmla="*/ 1009816 h 1572017"/>
                        <a:gd name="connsiteX0" fmla="*/ 2782091 w 2784432"/>
                        <a:gd name="connsiteY0" fmla="*/ 1012621 h 1574822"/>
                        <a:gd name="connsiteX1" fmla="*/ 2784432 w 2784432"/>
                        <a:gd name="connsiteY1" fmla="*/ 1574822 h 1574822"/>
                        <a:gd name="connsiteX2" fmla="*/ 548 w 2784432"/>
                        <a:gd name="connsiteY2" fmla="*/ 525250 h 1574822"/>
                        <a:gd name="connsiteX3" fmla="*/ 1939 w 2784432"/>
                        <a:gd name="connsiteY3" fmla="*/ 0 h 1574822"/>
                        <a:gd name="connsiteX4" fmla="*/ 2782091 w 2784432"/>
                        <a:gd name="connsiteY4" fmla="*/ 1012621 h 1574822"/>
                        <a:gd name="connsiteX0" fmla="*/ 2781862 w 2784203"/>
                        <a:gd name="connsiteY0" fmla="*/ 1007289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07289 h 1569490"/>
                        <a:gd name="connsiteX0" fmla="*/ 2781862 w 2784203"/>
                        <a:gd name="connsiteY0" fmla="*/ 1017953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17953 h 1569490"/>
                        <a:gd name="connsiteX0" fmla="*/ 2774820 w 2777161"/>
                        <a:gd name="connsiteY0" fmla="*/ 1017953 h 1569490"/>
                        <a:gd name="connsiteX1" fmla="*/ 2777161 w 2777161"/>
                        <a:gd name="connsiteY1" fmla="*/ 1569490 h 1569490"/>
                        <a:gd name="connsiteX2" fmla="*/ 3941 w 2777161"/>
                        <a:gd name="connsiteY2" fmla="*/ 517252 h 1569490"/>
                        <a:gd name="connsiteX3" fmla="*/ 0 w 2777161"/>
                        <a:gd name="connsiteY3" fmla="*/ 0 h 1569490"/>
                        <a:gd name="connsiteX4" fmla="*/ 2774820 w 2777161"/>
                        <a:gd name="connsiteY4" fmla="*/ 1017953 h 1569490"/>
                        <a:gd name="connsiteX0" fmla="*/ 2774820 w 2779827"/>
                        <a:gd name="connsiteY0" fmla="*/ 1017953 h 1582819"/>
                        <a:gd name="connsiteX1" fmla="*/ 2779827 w 2779827"/>
                        <a:gd name="connsiteY1" fmla="*/ 1582819 h 1582819"/>
                        <a:gd name="connsiteX2" fmla="*/ 3941 w 2779827"/>
                        <a:gd name="connsiteY2" fmla="*/ 517252 h 1582819"/>
                        <a:gd name="connsiteX3" fmla="*/ 0 w 2779827"/>
                        <a:gd name="connsiteY3" fmla="*/ 0 h 1582819"/>
                        <a:gd name="connsiteX4" fmla="*/ 2774820 w 2779827"/>
                        <a:gd name="connsiteY4" fmla="*/ 1017953 h 1582819"/>
                        <a:gd name="connsiteX0" fmla="*/ 2783235 w 2783513"/>
                        <a:gd name="connsiteY0" fmla="*/ 1020758 h 1582819"/>
                        <a:gd name="connsiteX1" fmla="*/ 2779827 w 2783513"/>
                        <a:gd name="connsiteY1" fmla="*/ 1582819 h 1582819"/>
                        <a:gd name="connsiteX2" fmla="*/ 3941 w 2783513"/>
                        <a:gd name="connsiteY2" fmla="*/ 517252 h 1582819"/>
                        <a:gd name="connsiteX3" fmla="*/ 0 w 2783513"/>
                        <a:gd name="connsiteY3" fmla="*/ 0 h 1582819"/>
                        <a:gd name="connsiteX4" fmla="*/ 2783235 w 2783513"/>
                        <a:gd name="connsiteY4" fmla="*/ 1020758 h 1582819"/>
                        <a:gd name="connsiteX0" fmla="*/ 2783235 w 2788242"/>
                        <a:gd name="connsiteY0" fmla="*/ 1020758 h 1582819"/>
                        <a:gd name="connsiteX1" fmla="*/ 2788242 w 2788242"/>
                        <a:gd name="connsiteY1" fmla="*/ 1582819 h 1582819"/>
                        <a:gd name="connsiteX2" fmla="*/ 3941 w 2788242"/>
                        <a:gd name="connsiteY2" fmla="*/ 517252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5829 w 2790836"/>
                        <a:gd name="connsiteY0" fmla="*/ 1020758 h 1582819"/>
                        <a:gd name="connsiteX1" fmla="*/ 2790836 w 2790836"/>
                        <a:gd name="connsiteY1" fmla="*/ 1582819 h 1582819"/>
                        <a:gd name="connsiteX2" fmla="*/ 499 w 2790836"/>
                        <a:gd name="connsiteY2" fmla="*/ 419372 h 1582819"/>
                        <a:gd name="connsiteX3" fmla="*/ 2594 w 2790836"/>
                        <a:gd name="connsiteY3" fmla="*/ 0 h 1582819"/>
                        <a:gd name="connsiteX4" fmla="*/ 2785829 w 2790836"/>
                        <a:gd name="connsiteY4" fmla="*/ 1020758 h 1582819"/>
                        <a:gd name="connsiteX0" fmla="*/ 2786253 w 2791260"/>
                        <a:gd name="connsiteY0" fmla="*/ 1017740 h 1579801"/>
                        <a:gd name="connsiteX1" fmla="*/ 2791260 w 2791260"/>
                        <a:gd name="connsiteY1" fmla="*/ 1579801 h 1579801"/>
                        <a:gd name="connsiteX2" fmla="*/ 923 w 2791260"/>
                        <a:gd name="connsiteY2" fmla="*/ 416354 h 1579801"/>
                        <a:gd name="connsiteX3" fmla="*/ 0 w 2791260"/>
                        <a:gd name="connsiteY3" fmla="*/ 0 h 1579801"/>
                        <a:gd name="connsiteX4" fmla="*/ 2786253 w 2791260"/>
                        <a:gd name="connsiteY4" fmla="*/ 1017740 h 1579801"/>
                        <a:gd name="connsiteX0" fmla="*/ 2785615 w 2790622"/>
                        <a:gd name="connsiteY0" fmla="*/ 1210729 h 1772790"/>
                        <a:gd name="connsiteX1" fmla="*/ 2790622 w 2790622"/>
                        <a:gd name="connsiteY1" fmla="*/ 1772790 h 1772790"/>
                        <a:gd name="connsiteX2" fmla="*/ 285 w 2790622"/>
                        <a:gd name="connsiteY2" fmla="*/ 609343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85615 w 2790622"/>
                        <a:gd name="connsiteY0" fmla="*/ 1210729 h 1772790"/>
                        <a:gd name="connsiteX1" fmla="*/ 2790622 w 2790622"/>
                        <a:gd name="connsiteY1" fmla="*/ 1772790 h 1772790"/>
                        <a:gd name="connsiteX2" fmla="*/ 285 w 2790622"/>
                        <a:gd name="connsiteY2" fmla="*/ 306074 h 1772790"/>
                        <a:gd name="connsiteX3" fmla="*/ 8552 w 2790622"/>
                        <a:gd name="connsiteY3" fmla="*/ 0 h 1772790"/>
                        <a:gd name="connsiteX4" fmla="*/ 2785615 w 2790622"/>
                        <a:gd name="connsiteY4" fmla="*/ 1210729 h 1772790"/>
                        <a:gd name="connsiteX0" fmla="*/ 2777063 w 2782070"/>
                        <a:gd name="connsiteY0" fmla="*/ 1210729 h 1772790"/>
                        <a:gd name="connsiteX1" fmla="*/ 2782070 w 2782070"/>
                        <a:gd name="connsiteY1" fmla="*/ 1772790 h 1772790"/>
                        <a:gd name="connsiteX2" fmla="*/ 4048 w 2782070"/>
                        <a:gd name="connsiteY2" fmla="*/ 324547 h 1772790"/>
                        <a:gd name="connsiteX3" fmla="*/ 0 w 2782070"/>
                        <a:gd name="connsiteY3" fmla="*/ 0 h 1772790"/>
                        <a:gd name="connsiteX4" fmla="*/ 2777063 w 2782070"/>
                        <a:gd name="connsiteY4" fmla="*/ 1210729 h 1772790"/>
                        <a:gd name="connsiteX0" fmla="*/ 2777063 w 2782070"/>
                        <a:gd name="connsiteY0" fmla="*/ 1210729 h 1772790"/>
                        <a:gd name="connsiteX1" fmla="*/ 2782070 w 2782070"/>
                        <a:gd name="connsiteY1" fmla="*/ 1772790 h 1772790"/>
                        <a:gd name="connsiteX2" fmla="*/ 4048 w 2782070"/>
                        <a:gd name="connsiteY2" fmla="*/ 324547 h 1772790"/>
                        <a:gd name="connsiteX3" fmla="*/ 0 w 2782070"/>
                        <a:gd name="connsiteY3" fmla="*/ 0 h 1772790"/>
                        <a:gd name="connsiteX4" fmla="*/ 2777063 w 2782070"/>
                        <a:gd name="connsiteY4" fmla="*/ 1210729 h 1772790"/>
                        <a:gd name="connsiteX0" fmla="*/ 2777063 w 2782070"/>
                        <a:gd name="connsiteY0" fmla="*/ 1238543 h 1800604"/>
                        <a:gd name="connsiteX1" fmla="*/ 2782070 w 2782070"/>
                        <a:gd name="connsiteY1" fmla="*/ 1800604 h 1800604"/>
                        <a:gd name="connsiteX2" fmla="*/ 4048 w 2782070"/>
                        <a:gd name="connsiteY2" fmla="*/ 352361 h 1800604"/>
                        <a:gd name="connsiteX3" fmla="*/ 0 w 2782070"/>
                        <a:gd name="connsiteY3" fmla="*/ 0 h 1800604"/>
                        <a:gd name="connsiteX4" fmla="*/ 2777063 w 2782070"/>
                        <a:gd name="connsiteY4" fmla="*/ 1238543 h 1800604"/>
                        <a:gd name="connsiteX0" fmla="*/ 2784320 w 2789327"/>
                        <a:gd name="connsiteY0" fmla="*/ 1236124 h 1798185"/>
                        <a:gd name="connsiteX1" fmla="*/ 2789327 w 2789327"/>
                        <a:gd name="connsiteY1" fmla="*/ 1798185 h 1798185"/>
                        <a:gd name="connsiteX2" fmla="*/ 11305 w 2789327"/>
                        <a:gd name="connsiteY2" fmla="*/ 349942 h 1798185"/>
                        <a:gd name="connsiteX3" fmla="*/ 0 w 2789327"/>
                        <a:gd name="connsiteY3" fmla="*/ 0 h 1798185"/>
                        <a:gd name="connsiteX4" fmla="*/ 2784320 w 2789327"/>
                        <a:gd name="connsiteY4" fmla="*/ 1236124 h 1798185"/>
                        <a:gd name="connsiteX0" fmla="*/ 2785706 w 2790713"/>
                        <a:gd name="connsiteY0" fmla="*/ 1236124 h 1798185"/>
                        <a:gd name="connsiteX1" fmla="*/ 2790713 w 2790713"/>
                        <a:gd name="connsiteY1" fmla="*/ 1798185 h 1798185"/>
                        <a:gd name="connsiteX2" fmla="*/ 596 w 2790713"/>
                        <a:gd name="connsiteY2" fmla="*/ 347523 h 1798185"/>
                        <a:gd name="connsiteX3" fmla="*/ 1386 w 2790713"/>
                        <a:gd name="connsiteY3" fmla="*/ 0 h 1798185"/>
                        <a:gd name="connsiteX4" fmla="*/ 2785706 w 2790713"/>
                        <a:gd name="connsiteY4" fmla="*/ 1236124 h 1798185"/>
                        <a:gd name="connsiteX0" fmla="*/ 2789158 w 2794165"/>
                        <a:gd name="connsiteY0" fmla="*/ 1233705 h 1795766"/>
                        <a:gd name="connsiteX1" fmla="*/ 2794165 w 2794165"/>
                        <a:gd name="connsiteY1" fmla="*/ 1795766 h 1795766"/>
                        <a:gd name="connsiteX2" fmla="*/ 4048 w 2794165"/>
                        <a:gd name="connsiteY2" fmla="*/ 345104 h 1795766"/>
                        <a:gd name="connsiteX3" fmla="*/ 0 w 2794165"/>
                        <a:gd name="connsiteY3" fmla="*/ 0 h 1795766"/>
                        <a:gd name="connsiteX4" fmla="*/ 2789158 w 2794165"/>
                        <a:gd name="connsiteY4" fmla="*/ 1233705 h 1795766"/>
                        <a:gd name="connsiteX0" fmla="*/ 2789158 w 2794165"/>
                        <a:gd name="connsiteY0" fmla="*/ 1239037 h 1801098"/>
                        <a:gd name="connsiteX1" fmla="*/ 2794165 w 2794165"/>
                        <a:gd name="connsiteY1" fmla="*/ 1801098 h 1801098"/>
                        <a:gd name="connsiteX2" fmla="*/ 4048 w 2794165"/>
                        <a:gd name="connsiteY2" fmla="*/ 350436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50436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50436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50436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79761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79761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79761 h 1801098"/>
                        <a:gd name="connsiteX3" fmla="*/ 0 w 2794165"/>
                        <a:gd name="connsiteY3" fmla="*/ 0 h 1801098"/>
                        <a:gd name="connsiteX4" fmla="*/ 2789158 w 2794165"/>
                        <a:gd name="connsiteY4" fmla="*/ 1239037 h 1801098"/>
                        <a:gd name="connsiteX0" fmla="*/ 2789158 w 2794165"/>
                        <a:gd name="connsiteY0" fmla="*/ 1239037 h 1801098"/>
                        <a:gd name="connsiteX1" fmla="*/ 2794165 w 2794165"/>
                        <a:gd name="connsiteY1" fmla="*/ 1801098 h 1801098"/>
                        <a:gd name="connsiteX2" fmla="*/ 4048 w 2794165"/>
                        <a:gd name="connsiteY2" fmla="*/ 379761 h 1801098"/>
                        <a:gd name="connsiteX3" fmla="*/ 0 w 2794165"/>
                        <a:gd name="connsiteY3" fmla="*/ 0 h 1801098"/>
                        <a:gd name="connsiteX4" fmla="*/ 2789158 w 2794165"/>
                        <a:gd name="connsiteY4" fmla="*/ 1239037 h 1801098"/>
                        <a:gd name="connsiteX0" fmla="*/ 2789158 w 2794165"/>
                        <a:gd name="connsiteY0" fmla="*/ 1234275 h 1796336"/>
                        <a:gd name="connsiteX1" fmla="*/ 2794165 w 2794165"/>
                        <a:gd name="connsiteY1" fmla="*/ 1796336 h 1796336"/>
                        <a:gd name="connsiteX2" fmla="*/ 4048 w 2794165"/>
                        <a:gd name="connsiteY2" fmla="*/ 374999 h 1796336"/>
                        <a:gd name="connsiteX3" fmla="*/ 0 w 2794165"/>
                        <a:gd name="connsiteY3" fmla="*/ 0 h 1796336"/>
                        <a:gd name="connsiteX4" fmla="*/ 2789158 w 2794165"/>
                        <a:gd name="connsiteY4" fmla="*/ 1234275 h 1796336"/>
                        <a:gd name="connsiteX0" fmla="*/ 2789158 w 2794165"/>
                        <a:gd name="connsiteY0" fmla="*/ 1234275 h 1796336"/>
                        <a:gd name="connsiteX1" fmla="*/ 2794165 w 2794165"/>
                        <a:gd name="connsiteY1" fmla="*/ 1796336 h 1796336"/>
                        <a:gd name="connsiteX2" fmla="*/ 4048 w 2794165"/>
                        <a:gd name="connsiteY2" fmla="*/ 374999 h 1796336"/>
                        <a:gd name="connsiteX3" fmla="*/ 0 w 2794165"/>
                        <a:gd name="connsiteY3" fmla="*/ 0 h 1796336"/>
                        <a:gd name="connsiteX4" fmla="*/ 2789158 w 2794165"/>
                        <a:gd name="connsiteY4" fmla="*/ 1234275 h 1796336"/>
                        <a:gd name="connsiteX0" fmla="*/ 2789158 w 2794165"/>
                        <a:gd name="connsiteY0" fmla="*/ 1234275 h 1796336"/>
                        <a:gd name="connsiteX1" fmla="*/ 2794165 w 2794165"/>
                        <a:gd name="connsiteY1" fmla="*/ 1796336 h 1796336"/>
                        <a:gd name="connsiteX2" fmla="*/ 4048 w 2794165"/>
                        <a:gd name="connsiteY2" fmla="*/ 374999 h 1796336"/>
                        <a:gd name="connsiteX3" fmla="*/ 0 w 2794165"/>
                        <a:gd name="connsiteY3" fmla="*/ 0 h 1796336"/>
                        <a:gd name="connsiteX4" fmla="*/ 2789158 w 2794165"/>
                        <a:gd name="connsiteY4" fmla="*/ 1234275 h 1796336"/>
                        <a:gd name="connsiteX0" fmla="*/ 2789158 w 2794165"/>
                        <a:gd name="connsiteY0" fmla="*/ 1234275 h 1796336"/>
                        <a:gd name="connsiteX1" fmla="*/ 2794165 w 2794165"/>
                        <a:gd name="connsiteY1" fmla="*/ 1796336 h 1796336"/>
                        <a:gd name="connsiteX2" fmla="*/ 4048 w 2794165"/>
                        <a:gd name="connsiteY2" fmla="*/ 374999 h 1796336"/>
                        <a:gd name="connsiteX3" fmla="*/ 0 w 2794165"/>
                        <a:gd name="connsiteY3" fmla="*/ 0 h 1796336"/>
                        <a:gd name="connsiteX4" fmla="*/ 2789158 w 2794165"/>
                        <a:gd name="connsiteY4" fmla="*/ 1234275 h 1796336"/>
                        <a:gd name="connsiteX0" fmla="*/ 2785690 w 2790697"/>
                        <a:gd name="connsiteY0" fmla="*/ 1234275 h 1796336"/>
                        <a:gd name="connsiteX1" fmla="*/ 2790697 w 2790697"/>
                        <a:gd name="connsiteY1" fmla="*/ 1796336 h 1796336"/>
                        <a:gd name="connsiteX2" fmla="*/ 580 w 2790697"/>
                        <a:gd name="connsiteY2" fmla="*/ 374999 h 1796336"/>
                        <a:gd name="connsiteX3" fmla="*/ 3789 w 2790697"/>
                        <a:gd name="connsiteY3" fmla="*/ 0 h 1796336"/>
                        <a:gd name="connsiteX4" fmla="*/ 2785690 w 2790697"/>
                        <a:gd name="connsiteY4" fmla="*/ 1234275 h 1796336"/>
                        <a:gd name="connsiteX0" fmla="*/ 2783567 w 2788574"/>
                        <a:gd name="connsiteY0" fmla="*/ 1234275 h 1796336"/>
                        <a:gd name="connsiteX1" fmla="*/ 2788574 w 2788574"/>
                        <a:gd name="connsiteY1" fmla="*/ 1796336 h 1796336"/>
                        <a:gd name="connsiteX2" fmla="*/ 876 w 2788574"/>
                        <a:gd name="connsiteY2" fmla="*/ 374999 h 1796336"/>
                        <a:gd name="connsiteX3" fmla="*/ 1666 w 2788574"/>
                        <a:gd name="connsiteY3" fmla="*/ 0 h 1796336"/>
                        <a:gd name="connsiteX4" fmla="*/ 2783567 w 2788574"/>
                        <a:gd name="connsiteY4" fmla="*/ 1234275 h 1796336"/>
                        <a:gd name="connsiteX0" fmla="*/ 2783567 w 2788574"/>
                        <a:gd name="connsiteY0" fmla="*/ 1234275 h 1796336"/>
                        <a:gd name="connsiteX1" fmla="*/ 2788574 w 2788574"/>
                        <a:gd name="connsiteY1" fmla="*/ 1796336 h 1796336"/>
                        <a:gd name="connsiteX2" fmla="*/ 876 w 2788574"/>
                        <a:gd name="connsiteY2" fmla="*/ 374999 h 1796336"/>
                        <a:gd name="connsiteX3" fmla="*/ 1666 w 2788574"/>
                        <a:gd name="connsiteY3" fmla="*/ 0 h 1796336"/>
                        <a:gd name="connsiteX4" fmla="*/ 2783567 w 2788574"/>
                        <a:gd name="connsiteY4" fmla="*/ 1234275 h 1796336"/>
                        <a:gd name="connsiteX0" fmla="*/ 2783036 w 2788043"/>
                        <a:gd name="connsiteY0" fmla="*/ 1185894 h 1747955"/>
                        <a:gd name="connsiteX1" fmla="*/ 2788043 w 2788043"/>
                        <a:gd name="connsiteY1" fmla="*/ 1747955 h 1747955"/>
                        <a:gd name="connsiteX2" fmla="*/ 345 w 2788043"/>
                        <a:gd name="connsiteY2" fmla="*/ 326618 h 1747955"/>
                        <a:gd name="connsiteX3" fmla="*/ 8392 w 2788043"/>
                        <a:gd name="connsiteY3" fmla="*/ 0 h 1747955"/>
                        <a:gd name="connsiteX4" fmla="*/ 2783036 w 2788043"/>
                        <a:gd name="connsiteY4" fmla="*/ 1185894 h 1747955"/>
                        <a:gd name="connsiteX0" fmla="*/ 2786739 w 2791746"/>
                        <a:gd name="connsiteY0" fmla="*/ 1234275 h 1796336"/>
                        <a:gd name="connsiteX1" fmla="*/ 2791746 w 2791746"/>
                        <a:gd name="connsiteY1" fmla="*/ 1796336 h 1796336"/>
                        <a:gd name="connsiteX2" fmla="*/ 4048 w 2791746"/>
                        <a:gd name="connsiteY2" fmla="*/ 374999 h 1796336"/>
                        <a:gd name="connsiteX3" fmla="*/ 0 w 2791746"/>
                        <a:gd name="connsiteY3" fmla="*/ 0 h 1796336"/>
                        <a:gd name="connsiteX4" fmla="*/ 2786739 w 2791746"/>
                        <a:gd name="connsiteY4" fmla="*/ 1234275 h 179633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91746" h="1796336">
                          <a:moveTo>
                            <a:pt x="2786739" y="1234275"/>
                          </a:moveTo>
                          <a:cubicBezTo>
                            <a:pt x="2788454" y="1419805"/>
                            <a:pt x="2790031" y="1610806"/>
                            <a:pt x="2791746" y="1796336"/>
                          </a:cubicBezTo>
                          <a:cubicBezTo>
                            <a:pt x="2097990" y="1413577"/>
                            <a:pt x="63504" y="400261"/>
                            <a:pt x="4048" y="374999"/>
                          </a:cubicBezTo>
                          <a:cubicBezTo>
                            <a:pt x="1707" y="320020"/>
                            <a:pt x="-40" y="143763"/>
                            <a:pt x="0" y="0"/>
                          </a:cubicBezTo>
                          <a:cubicBezTo>
                            <a:pt x="237509" y="95231"/>
                            <a:pt x="1857020" y="822850"/>
                            <a:pt x="2786739" y="1234275"/>
                          </a:cubicBezTo>
                          <a:close/>
                        </a:path>
                      </a:pathLst>
                    </a:custGeom>
                    <a:solidFill>
                      <a:srgbClr val="3A677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err="1">
                        <a:ln>
                          <a:noFill/>
                        </a:ln>
                        <a:solidFill>
                          <a:prstClr val="white"/>
                        </a:solidFill>
                        <a:effectLst/>
                        <a:uLnTx/>
                        <a:uFillTx/>
                        <a:latin typeface="Open Sans"/>
                        <a:ea typeface="+mn-ea"/>
                        <a:cs typeface="+mn-cs"/>
                      </a:endParaRPr>
                    </a:p>
                  </p:txBody>
                </p:sp>
              </p:grpSp>
              <p:cxnSp>
                <p:nvCxnSpPr>
                  <p:cNvPr id="21" name="Straight Connector 20">
                    <a:extLst>
                      <a:ext uri="{FF2B5EF4-FFF2-40B4-BE49-F238E27FC236}">
                        <a16:creationId xmlns:a16="http://schemas.microsoft.com/office/drawing/2014/main" id="{B45FD263-348B-4E11-BBFB-953FFEFA5147}"/>
                      </a:ext>
                    </a:extLst>
                  </p:cNvPr>
                  <p:cNvCxnSpPr>
                    <a:cxnSpLocks/>
                    <a:stCxn id="23" idx="3"/>
                    <a:endCxn id="23" idx="1"/>
                  </p:cNvCxnSpPr>
                  <p:nvPr/>
                </p:nvCxnSpPr>
                <p:spPr>
                  <a:xfrm flipV="1">
                    <a:off x="4605439" y="4313904"/>
                    <a:ext cx="2466275" cy="4160"/>
                  </a:xfrm>
                  <a:prstGeom prst="line">
                    <a:avLst/>
                  </a:prstGeom>
                  <a:ln w="3175">
                    <a:solidFill>
                      <a:schemeClr val="tx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AAD10F9F-EF91-4A2E-B9FB-B0480BF43388}"/>
                      </a:ext>
                    </a:extLst>
                  </p:cNvPr>
                  <p:cNvCxnSpPr>
                    <a:cxnSpLocks/>
                    <a:stCxn id="23" idx="0"/>
                    <a:endCxn id="23" idx="2"/>
                  </p:cNvCxnSpPr>
                  <p:nvPr/>
                </p:nvCxnSpPr>
                <p:spPr>
                  <a:xfrm>
                    <a:off x="5783104" y="3964136"/>
                    <a:ext cx="198603" cy="965122"/>
                  </a:xfrm>
                  <a:prstGeom prst="line">
                    <a:avLst/>
                  </a:prstGeom>
                  <a:ln w="3175">
                    <a:solidFill>
                      <a:schemeClr val="tx2">
                        <a:lumMod val="60000"/>
                        <a:lumOff val="40000"/>
                      </a:schemeClr>
                    </a:solidFill>
                  </a:ln>
                </p:spPr>
                <p:style>
                  <a:lnRef idx="1">
                    <a:schemeClr val="accent1"/>
                  </a:lnRef>
                  <a:fillRef idx="0">
                    <a:schemeClr val="accent1"/>
                  </a:fillRef>
                  <a:effectRef idx="0">
                    <a:schemeClr val="accent1"/>
                  </a:effectRef>
                  <a:fontRef idx="minor">
                    <a:schemeClr val="tx1"/>
                  </a:fontRef>
                </p:style>
              </p:cxnSp>
            </p:grpSp>
            <p:sp>
              <p:nvSpPr>
                <p:cNvPr id="19" name="TextBox 18">
                  <a:extLst>
                    <a:ext uri="{FF2B5EF4-FFF2-40B4-BE49-F238E27FC236}">
                      <a16:creationId xmlns:a16="http://schemas.microsoft.com/office/drawing/2014/main" id="{6CFB72C7-6EE6-4E34-B6B8-2ED1490B6F40}"/>
                    </a:ext>
                  </a:extLst>
                </p:cNvPr>
                <p:cNvSpPr txBox="1"/>
                <p:nvPr/>
              </p:nvSpPr>
              <p:spPr>
                <a:xfrm rot="21442359">
                  <a:off x="4875102" y="4646359"/>
                  <a:ext cx="800425" cy="153893"/>
                </a:xfrm>
                <a:prstGeom prst="rect">
                  <a:avLst/>
                </a:prstGeom>
                <a:noFill/>
                <a:scene3d>
                  <a:camera prst="orthographicFront">
                    <a:rot lat="19203907" lon="19660201" rev="21215137"/>
                  </a:camera>
                  <a:lightRig rig="threePt" dir="t"/>
                </a:scene3d>
              </p:spPr>
              <p:txBody>
                <a:bodyPr wrap="square" lIns="0" tIns="0" rIns="0" bIns="0" rtlCol="0">
                  <a:spAutoFit/>
                </a:bodyPr>
                <a:lstStyle/>
                <a:p>
                  <a:pPr marL="0" marR="0" lvl="0" indent="0" algn="ctr" defTabSz="914333"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prstClr val="white"/>
                      </a:solidFill>
                      <a:effectLst/>
                      <a:uLnTx/>
                      <a:uFillTx/>
                      <a:latin typeface="Open Sans"/>
                      <a:ea typeface="+mn-ea"/>
                      <a:cs typeface="+mn-cs"/>
                    </a:rPr>
                    <a:t>PLATFORM</a:t>
                  </a:r>
                  <a:endParaRPr lang="en-GB"/>
                </a:p>
              </p:txBody>
            </p:sp>
          </p:grpSp>
          <p:pic>
            <p:nvPicPr>
              <p:cNvPr id="16" name="Picture 15">
                <a:extLst>
                  <a:ext uri="{FF2B5EF4-FFF2-40B4-BE49-F238E27FC236}">
                    <a16:creationId xmlns:a16="http://schemas.microsoft.com/office/drawing/2014/main" id="{CD7AAC32-666E-410A-9C88-5754342E9434}"/>
                  </a:ext>
                </a:extLst>
              </p:cNvPr>
              <p:cNvPicPr>
                <a:picLocks noChangeAspect="1"/>
              </p:cNvPicPr>
              <p:nvPr/>
            </p:nvPicPr>
            <p:blipFill>
              <a:blip r:embed="rId19" cstate="screen">
                <a:biLevel thresh="25000"/>
                <a:extLst>
                  <a:ext uri="{28A0092B-C50C-407E-A947-70E740481C1C}">
                    <a14:useLocalDpi xmlns:a14="http://schemas.microsoft.com/office/drawing/2010/main"/>
                  </a:ext>
                </a:extLst>
              </a:blip>
              <a:stretch>
                <a:fillRect/>
              </a:stretch>
            </p:blipFill>
            <p:spPr>
              <a:xfrm>
                <a:off x="5174098" y="4128754"/>
                <a:ext cx="1452274" cy="434104"/>
              </a:xfrm>
              <a:prstGeom prst="rect">
                <a:avLst/>
              </a:prstGeom>
            </p:spPr>
          </p:pic>
          <p:sp>
            <p:nvSpPr>
              <p:cNvPr id="17" name="Freeform: Shape 16">
                <a:extLst>
                  <a:ext uri="{FF2B5EF4-FFF2-40B4-BE49-F238E27FC236}">
                    <a16:creationId xmlns:a16="http://schemas.microsoft.com/office/drawing/2014/main" id="{A83917B1-49EB-4EA1-9D28-69C4683537B6}"/>
                  </a:ext>
                </a:extLst>
              </p:cNvPr>
              <p:cNvSpPr/>
              <p:nvPr/>
            </p:nvSpPr>
            <p:spPr>
              <a:xfrm>
                <a:off x="4603503" y="3963566"/>
                <a:ext cx="2466275" cy="965122"/>
              </a:xfrm>
              <a:custGeom>
                <a:avLst/>
                <a:gdLst>
                  <a:gd name="connsiteX0" fmla="*/ 2305879 w 5041127"/>
                  <a:gd name="connsiteY0" fmla="*/ 0 h 1956021"/>
                  <a:gd name="connsiteX1" fmla="*/ 5041127 w 5041127"/>
                  <a:gd name="connsiteY1" fmla="*/ 826936 h 1956021"/>
                  <a:gd name="connsiteX2" fmla="*/ 2782957 w 5041127"/>
                  <a:gd name="connsiteY2" fmla="*/ 1956021 h 1956021"/>
                  <a:gd name="connsiteX3" fmla="*/ 0 w 5041127"/>
                  <a:gd name="connsiteY3" fmla="*/ 954157 h 1956021"/>
                  <a:gd name="connsiteX4" fmla="*/ 2305879 w 5041127"/>
                  <a:gd name="connsiteY4" fmla="*/ 0 h 1956021"/>
                  <a:gd name="connsiteX0" fmla="*/ 2305879 w 5018688"/>
                  <a:gd name="connsiteY0" fmla="*/ 0 h 1956021"/>
                  <a:gd name="connsiteX1" fmla="*/ 5018688 w 5018688"/>
                  <a:gd name="connsiteY1" fmla="*/ 829741 h 1956021"/>
                  <a:gd name="connsiteX2" fmla="*/ 2782957 w 5018688"/>
                  <a:gd name="connsiteY2" fmla="*/ 1956021 h 1956021"/>
                  <a:gd name="connsiteX3" fmla="*/ 0 w 5018688"/>
                  <a:gd name="connsiteY3" fmla="*/ 954157 h 1956021"/>
                  <a:gd name="connsiteX4" fmla="*/ 2305879 w 5018688"/>
                  <a:gd name="connsiteY4" fmla="*/ 0 h 1956021"/>
                  <a:gd name="connsiteX0" fmla="*/ 2305879 w 5018688"/>
                  <a:gd name="connsiteY0" fmla="*/ 0 h 1956021"/>
                  <a:gd name="connsiteX1" fmla="*/ 5018688 w 5018688"/>
                  <a:gd name="connsiteY1" fmla="*/ 835351 h 1956021"/>
                  <a:gd name="connsiteX2" fmla="*/ 2782957 w 5018688"/>
                  <a:gd name="connsiteY2" fmla="*/ 1956021 h 1956021"/>
                  <a:gd name="connsiteX3" fmla="*/ 0 w 5018688"/>
                  <a:gd name="connsiteY3" fmla="*/ 954157 h 1956021"/>
                  <a:gd name="connsiteX4" fmla="*/ 2305879 w 5018688"/>
                  <a:gd name="connsiteY4" fmla="*/ 0 h 1956021"/>
                  <a:gd name="connsiteX0" fmla="*/ 2303074 w 5015883"/>
                  <a:gd name="connsiteY0" fmla="*/ 0 h 1956021"/>
                  <a:gd name="connsiteX1" fmla="*/ 5015883 w 5015883"/>
                  <a:gd name="connsiteY1" fmla="*/ 835351 h 1956021"/>
                  <a:gd name="connsiteX2" fmla="*/ 2780152 w 5015883"/>
                  <a:gd name="connsiteY2" fmla="*/ 1956021 h 1956021"/>
                  <a:gd name="connsiteX3" fmla="*/ 0 w 5015883"/>
                  <a:gd name="connsiteY3" fmla="*/ 937327 h 1956021"/>
                  <a:gd name="connsiteX4" fmla="*/ 2303074 w 5015883"/>
                  <a:gd name="connsiteY4" fmla="*/ 0 h 1956021"/>
                  <a:gd name="connsiteX0" fmla="*/ 2303074 w 5015883"/>
                  <a:gd name="connsiteY0" fmla="*/ 0 h 1964436"/>
                  <a:gd name="connsiteX1" fmla="*/ 5015883 w 5015883"/>
                  <a:gd name="connsiteY1" fmla="*/ 835351 h 1964436"/>
                  <a:gd name="connsiteX2" fmla="*/ 2791372 w 5015883"/>
                  <a:gd name="connsiteY2" fmla="*/ 1964436 h 1964436"/>
                  <a:gd name="connsiteX3" fmla="*/ 0 w 5015883"/>
                  <a:gd name="connsiteY3" fmla="*/ 937327 h 1964436"/>
                  <a:gd name="connsiteX4" fmla="*/ 2303074 w 5015883"/>
                  <a:gd name="connsiteY4" fmla="*/ 0 h 1964436"/>
                  <a:gd name="connsiteX0" fmla="*/ 2303074 w 5009847"/>
                  <a:gd name="connsiteY0" fmla="*/ 0 h 1964436"/>
                  <a:gd name="connsiteX1" fmla="*/ 5009847 w 5009847"/>
                  <a:gd name="connsiteY1" fmla="*/ 874583 h 1964436"/>
                  <a:gd name="connsiteX2" fmla="*/ 2791372 w 5009847"/>
                  <a:gd name="connsiteY2" fmla="*/ 1964436 h 1964436"/>
                  <a:gd name="connsiteX3" fmla="*/ 0 w 5009847"/>
                  <a:gd name="connsiteY3" fmla="*/ 937327 h 1964436"/>
                  <a:gd name="connsiteX4" fmla="*/ 2303074 w 5009847"/>
                  <a:gd name="connsiteY4" fmla="*/ 0 h 1964436"/>
                  <a:gd name="connsiteX0" fmla="*/ 2320327 w 5009847"/>
                  <a:gd name="connsiteY0" fmla="*/ 0 h 1860919"/>
                  <a:gd name="connsiteX1" fmla="*/ 5009847 w 5009847"/>
                  <a:gd name="connsiteY1" fmla="*/ 771066 h 1860919"/>
                  <a:gd name="connsiteX2" fmla="*/ 2791372 w 5009847"/>
                  <a:gd name="connsiteY2" fmla="*/ 1860919 h 1860919"/>
                  <a:gd name="connsiteX3" fmla="*/ 0 w 5009847"/>
                  <a:gd name="connsiteY3" fmla="*/ 833810 h 1860919"/>
                  <a:gd name="connsiteX4" fmla="*/ 2320327 w 5009847"/>
                  <a:gd name="connsiteY4" fmla="*/ 0 h 1860919"/>
                  <a:gd name="connsiteX0" fmla="*/ 2331829 w 5009847"/>
                  <a:gd name="connsiteY0" fmla="*/ 0 h 1745900"/>
                  <a:gd name="connsiteX1" fmla="*/ 5009847 w 5009847"/>
                  <a:gd name="connsiteY1" fmla="*/ 656047 h 1745900"/>
                  <a:gd name="connsiteX2" fmla="*/ 2791372 w 5009847"/>
                  <a:gd name="connsiteY2" fmla="*/ 1745900 h 1745900"/>
                  <a:gd name="connsiteX3" fmla="*/ 0 w 5009847"/>
                  <a:gd name="connsiteY3" fmla="*/ 718791 h 1745900"/>
                  <a:gd name="connsiteX4" fmla="*/ 2331829 w 5009847"/>
                  <a:gd name="connsiteY4" fmla="*/ 0 h 1745900"/>
                  <a:gd name="connsiteX0" fmla="*/ 2322639 w 5000657"/>
                  <a:gd name="connsiteY0" fmla="*/ 0 h 1745900"/>
                  <a:gd name="connsiteX1" fmla="*/ 5000657 w 5000657"/>
                  <a:gd name="connsiteY1" fmla="*/ 656047 h 1745900"/>
                  <a:gd name="connsiteX2" fmla="*/ 2782182 w 5000657"/>
                  <a:gd name="connsiteY2" fmla="*/ 1745900 h 1745900"/>
                  <a:gd name="connsiteX3" fmla="*/ 0 w 5000657"/>
                  <a:gd name="connsiteY3" fmla="*/ 530397 h 1745900"/>
                  <a:gd name="connsiteX4" fmla="*/ 2322639 w 5000657"/>
                  <a:gd name="connsiteY4" fmla="*/ 0 h 1745900"/>
                  <a:gd name="connsiteX0" fmla="*/ 2322639 w 5003675"/>
                  <a:gd name="connsiteY0" fmla="*/ 0 h 1745900"/>
                  <a:gd name="connsiteX1" fmla="*/ 5003675 w 5003675"/>
                  <a:gd name="connsiteY1" fmla="*/ 520245 h 1745900"/>
                  <a:gd name="connsiteX2" fmla="*/ 2782182 w 5003675"/>
                  <a:gd name="connsiteY2" fmla="*/ 1745900 h 1745900"/>
                  <a:gd name="connsiteX3" fmla="*/ 0 w 5003675"/>
                  <a:gd name="connsiteY3" fmla="*/ 530397 h 1745900"/>
                  <a:gd name="connsiteX4" fmla="*/ 2322639 w 5003675"/>
                  <a:gd name="connsiteY4" fmla="*/ 0 h 1745900"/>
                  <a:gd name="connsiteX0" fmla="*/ 2322639 w 5000657"/>
                  <a:gd name="connsiteY0" fmla="*/ 0 h 1745900"/>
                  <a:gd name="connsiteX1" fmla="*/ 5000657 w 5000657"/>
                  <a:gd name="connsiteY1" fmla="*/ 499121 h 1745900"/>
                  <a:gd name="connsiteX2" fmla="*/ 2782182 w 5000657"/>
                  <a:gd name="connsiteY2" fmla="*/ 1745900 h 1745900"/>
                  <a:gd name="connsiteX3" fmla="*/ 0 w 5000657"/>
                  <a:gd name="connsiteY3" fmla="*/ 530397 h 1745900"/>
                  <a:gd name="connsiteX4" fmla="*/ 2322639 w 5000657"/>
                  <a:gd name="connsiteY4" fmla="*/ 0 h 1745900"/>
                  <a:gd name="connsiteX0" fmla="*/ 2370264 w 5000657"/>
                  <a:gd name="connsiteY0" fmla="*/ 0 h 1917350"/>
                  <a:gd name="connsiteX1" fmla="*/ 5000657 w 5000657"/>
                  <a:gd name="connsiteY1" fmla="*/ 670571 h 1917350"/>
                  <a:gd name="connsiteX2" fmla="*/ 2782182 w 5000657"/>
                  <a:gd name="connsiteY2" fmla="*/ 1917350 h 1917350"/>
                  <a:gd name="connsiteX3" fmla="*/ 0 w 5000657"/>
                  <a:gd name="connsiteY3" fmla="*/ 701847 h 1917350"/>
                  <a:gd name="connsiteX4" fmla="*/ 2370264 w 5000657"/>
                  <a:gd name="connsiteY4" fmla="*/ 0 h 1917350"/>
                  <a:gd name="connsiteX0" fmla="*/ 2379789 w 5000657"/>
                  <a:gd name="connsiteY0" fmla="*/ 0 h 1955450"/>
                  <a:gd name="connsiteX1" fmla="*/ 5000657 w 5000657"/>
                  <a:gd name="connsiteY1" fmla="*/ 708671 h 1955450"/>
                  <a:gd name="connsiteX2" fmla="*/ 2782182 w 5000657"/>
                  <a:gd name="connsiteY2" fmla="*/ 1955450 h 1955450"/>
                  <a:gd name="connsiteX3" fmla="*/ 0 w 5000657"/>
                  <a:gd name="connsiteY3" fmla="*/ 739947 h 1955450"/>
                  <a:gd name="connsiteX4" fmla="*/ 2379789 w 5000657"/>
                  <a:gd name="connsiteY4" fmla="*/ 0 h 1955450"/>
                  <a:gd name="connsiteX0" fmla="*/ 2376312 w 4997180"/>
                  <a:gd name="connsiteY0" fmla="*/ 0 h 1955450"/>
                  <a:gd name="connsiteX1" fmla="*/ 4997180 w 4997180"/>
                  <a:gd name="connsiteY1" fmla="*/ 708671 h 1955450"/>
                  <a:gd name="connsiteX2" fmla="*/ 2778705 w 4997180"/>
                  <a:gd name="connsiteY2" fmla="*/ 1955450 h 1955450"/>
                  <a:gd name="connsiteX3" fmla="*/ 0 w 4997180"/>
                  <a:gd name="connsiteY3" fmla="*/ 715609 h 1955450"/>
                  <a:gd name="connsiteX4" fmla="*/ 2376312 w 4997180"/>
                  <a:gd name="connsiteY4" fmla="*/ 0 h 1955450"/>
                  <a:gd name="connsiteX0" fmla="*/ 2383569 w 5004437"/>
                  <a:gd name="connsiteY0" fmla="*/ 0 h 1955450"/>
                  <a:gd name="connsiteX1" fmla="*/ 5004437 w 5004437"/>
                  <a:gd name="connsiteY1" fmla="*/ 708671 h 1955450"/>
                  <a:gd name="connsiteX2" fmla="*/ 2785962 w 5004437"/>
                  <a:gd name="connsiteY2" fmla="*/ 1955450 h 1955450"/>
                  <a:gd name="connsiteX3" fmla="*/ 0 w 5004437"/>
                  <a:gd name="connsiteY3" fmla="*/ 718028 h 1955450"/>
                  <a:gd name="connsiteX4" fmla="*/ 2383569 w 5004437"/>
                  <a:gd name="connsiteY4" fmla="*/ 0 h 1955450"/>
                  <a:gd name="connsiteX0" fmla="*/ 2392305 w 5013173"/>
                  <a:gd name="connsiteY0" fmla="*/ 0 h 1955450"/>
                  <a:gd name="connsiteX1" fmla="*/ 5013173 w 5013173"/>
                  <a:gd name="connsiteY1" fmla="*/ 708671 h 1955450"/>
                  <a:gd name="connsiteX2" fmla="*/ 2794698 w 5013173"/>
                  <a:gd name="connsiteY2" fmla="*/ 1955450 h 1955450"/>
                  <a:gd name="connsiteX3" fmla="*/ 0 w 5013173"/>
                  <a:gd name="connsiteY3" fmla="*/ 720940 h 1955450"/>
                  <a:gd name="connsiteX4" fmla="*/ 2392305 w 5013173"/>
                  <a:gd name="connsiteY4" fmla="*/ 0 h 1955450"/>
                  <a:gd name="connsiteX0" fmla="*/ 2392305 w 5000681"/>
                  <a:gd name="connsiteY0" fmla="*/ 0 h 1955450"/>
                  <a:gd name="connsiteX1" fmla="*/ 5000681 w 5000681"/>
                  <a:gd name="connsiteY1" fmla="*/ 706172 h 1955450"/>
                  <a:gd name="connsiteX2" fmla="*/ 2794698 w 5000681"/>
                  <a:gd name="connsiteY2" fmla="*/ 1955450 h 1955450"/>
                  <a:gd name="connsiteX3" fmla="*/ 0 w 5000681"/>
                  <a:gd name="connsiteY3" fmla="*/ 720940 h 1955450"/>
                  <a:gd name="connsiteX4" fmla="*/ 2392305 w 5000681"/>
                  <a:gd name="connsiteY4" fmla="*/ 0 h 1955450"/>
                  <a:gd name="connsiteX0" fmla="*/ 2392305 w 5003180"/>
                  <a:gd name="connsiteY0" fmla="*/ 0 h 1955450"/>
                  <a:gd name="connsiteX1" fmla="*/ 5003180 w 5003180"/>
                  <a:gd name="connsiteY1" fmla="*/ 708670 h 1955450"/>
                  <a:gd name="connsiteX2" fmla="*/ 2794698 w 5003180"/>
                  <a:gd name="connsiteY2" fmla="*/ 1955450 h 1955450"/>
                  <a:gd name="connsiteX3" fmla="*/ 0 w 5003180"/>
                  <a:gd name="connsiteY3" fmla="*/ 720940 h 1955450"/>
                  <a:gd name="connsiteX4" fmla="*/ 2392305 w 5003180"/>
                  <a:gd name="connsiteY4" fmla="*/ 0 h 1955450"/>
                  <a:gd name="connsiteX0" fmla="*/ 2386973 w 4997848"/>
                  <a:gd name="connsiteY0" fmla="*/ 0 h 1955450"/>
                  <a:gd name="connsiteX1" fmla="*/ 4997848 w 4997848"/>
                  <a:gd name="connsiteY1" fmla="*/ 708670 h 1955450"/>
                  <a:gd name="connsiteX2" fmla="*/ 2789366 w 4997848"/>
                  <a:gd name="connsiteY2" fmla="*/ 1955450 h 1955450"/>
                  <a:gd name="connsiteX3" fmla="*/ 0 w 4997848"/>
                  <a:gd name="connsiteY3" fmla="*/ 710276 h 1955450"/>
                  <a:gd name="connsiteX4" fmla="*/ 2386973 w 4997848"/>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13542 h 1955450"/>
                  <a:gd name="connsiteX4" fmla="*/ 2383707 w 4994582"/>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00479 h 1955450"/>
                  <a:gd name="connsiteX4" fmla="*/ 2383707 w 4994582"/>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13542 h 1955450"/>
                  <a:gd name="connsiteX4" fmla="*/ 2383707 w 4994582"/>
                  <a:gd name="connsiteY4" fmla="*/ 0 h 1955450"/>
                  <a:gd name="connsiteX0" fmla="*/ 2383707 w 4994582"/>
                  <a:gd name="connsiteY0" fmla="*/ 0 h 1955450"/>
                  <a:gd name="connsiteX1" fmla="*/ 4994582 w 4994582"/>
                  <a:gd name="connsiteY1" fmla="*/ 708670 h 1955450"/>
                  <a:gd name="connsiteX2" fmla="*/ 2786100 w 4994582"/>
                  <a:gd name="connsiteY2" fmla="*/ 1955450 h 1955450"/>
                  <a:gd name="connsiteX3" fmla="*/ 0 w 4994582"/>
                  <a:gd name="connsiteY3" fmla="*/ 713542 h 1955450"/>
                  <a:gd name="connsiteX4" fmla="*/ 2383707 w 4994582"/>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8304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8304 h 1955450"/>
                  <a:gd name="connsiteX4" fmla="*/ 2386088 w 4996963"/>
                  <a:gd name="connsiteY4" fmla="*/ 0 h 1955450"/>
                  <a:gd name="connsiteX0" fmla="*/ 2362276 w 4973151"/>
                  <a:gd name="connsiteY0" fmla="*/ 0 h 1955450"/>
                  <a:gd name="connsiteX1" fmla="*/ 4973151 w 4973151"/>
                  <a:gd name="connsiteY1" fmla="*/ 708670 h 1955450"/>
                  <a:gd name="connsiteX2" fmla="*/ 2764669 w 4973151"/>
                  <a:gd name="connsiteY2" fmla="*/ 1955450 h 1955450"/>
                  <a:gd name="connsiteX3" fmla="*/ 0 w 4973151"/>
                  <a:gd name="connsiteY3" fmla="*/ 696873 h 1955450"/>
                  <a:gd name="connsiteX4" fmla="*/ 2362276 w 4973151"/>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3541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3541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3541 h 1955450"/>
                  <a:gd name="connsiteX4" fmla="*/ 2386088 w 4996963"/>
                  <a:gd name="connsiteY4" fmla="*/ 0 h 1955450"/>
                  <a:gd name="connsiteX0" fmla="*/ 2386088 w 4996963"/>
                  <a:gd name="connsiteY0" fmla="*/ 0 h 1955450"/>
                  <a:gd name="connsiteX1" fmla="*/ 4996963 w 4996963"/>
                  <a:gd name="connsiteY1" fmla="*/ 708670 h 1955450"/>
                  <a:gd name="connsiteX2" fmla="*/ 2788481 w 4996963"/>
                  <a:gd name="connsiteY2" fmla="*/ 1955450 h 1955450"/>
                  <a:gd name="connsiteX3" fmla="*/ 0 w 4996963"/>
                  <a:gd name="connsiteY3" fmla="*/ 717099 h 1955450"/>
                  <a:gd name="connsiteX4" fmla="*/ 2386088 w 4996963"/>
                  <a:gd name="connsiteY4" fmla="*/ 0 h 19554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996963" h="1955450">
                    <a:moveTo>
                      <a:pt x="2386088" y="0"/>
                    </a:moveTo>
                    <a:lnTo>
                      <a:pt x="4996963" y="708670"/>
                    </a:lnTo>
                    <a:lnTo>
                      <a:pt x="2788481" y="1955450"/>
                    </a:lnTo>
                    <a:lnTo>
                      <a:pt x="0" y="717099"/>
                    </a:lnTo>
                    <a:lnTo>
                      <a:pt x="2386088" y="0"/>
                    </a:lnTo>
                    <a:close/>
                  </a:path>
                </a:pathLst>
              </a:custGeom>
              <a:solidFill>
                <a:srgbClr val="18698C">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err="1">
                  <a:ln>
                    <a:noFill/>
                  </a:ln>
                  <a:solidFill>
                    <a:prstClr val="white"/>
                  </a:solidFill>
                  <a:effectLst/>
                  <a:uLnTx/>
                  <a:uFillTx/>
                  <a:latin typeface="Open Sans"/>
                  <a:ea typeface="+mn-ea"/>
                  <a:cs typeface="+mn-cs"/>
                </a:endParaRPr>
              </a:p>
            </p:txBody>
          </p:sp>
        </p:grpSp>
        <p:grpSp>
          <p:nvGrpSpPr>
            <p:cNvPr id="80" name="Group 79">
              <a:extLst>
                <a:ext uri="{FF2B5EF4-FFF2-40B4-BE49-F238E27FC236}">
                  <a16:creationId xmlns:a16="http://schemas.microsoft.com/office/drawing/2014/main" id="{7AFD0E34-57AD-42C7-A35E-8951255AF9B2}"/>
                </a:ext>
              </a:extLst>
            </p:cNvPr>
            <p:cNvGrpSpPr/>
            <p:nvPr/>
          </p:nvGrpSpPr>
          <p:grpSpPr>
            <a:xfrm>
              <a:off x="9434280" y="2962137"/>
              <a:ext cx="2118194" cy="2379951"/>
              <a:chOff x="9434280" y="2962137"/>
              <a:chExt cx="2118194" cy="2379951"/>
            </a:xfrm>
          </p:grpSpPr>
          <p:grpSp>
            <p:nvGrpSpPr>
              <p:cNvPr id="26" name="Group 25">
                <a:extLst>
                  <a:ext uri="{FF2B5EF4-FFF2-40B4-BE49-F238E27FC236}">
                    <a16:creationId xmlns:a16="http://schemas.microsoft.com/office/drawing/2014/main" id="{894E8C0D-4545-45AA-9415-CEF35566CB3F}"/>
                  </a:ext>
                </a:extLst>
              </p:cNvPr>
              <p:cNvGrpSpPr/>
              <p:nvPr/>
            </p:nvGrpSpPr>
            <p:grpSpPr>
              <a:xfrm>
                <a:off x="9479133" y="4390348"/>
                <a:ext cx="2073341" cy="951740"/>
                <a:chOff x="3493791" y="1958343"/>
                <a:chExt cx="4998869" cy="2294664"/>
              </a:xfrm>
            </p:grpSpPr>
            <p:sp>
              <p:nvSpPr>
                <p:cNvPr id="27" name="Freeform: Shape 26">
                  <a:extLst>
                    <a:ext uri="{FF2B5EF4-FFF2-40B4-BE49-F238E27FC236}">
                      <a16:creationId xmlns:a16="http://schemas.microsoft.com/office/drawing/2014/main" id="{E213D94B-3ABB-48CB-9639-736A60510CE3}"/>
                    </a:ext>
                  </a:extLst>
                </p:cNvPr>
                <p:cNvSpPr/>
                <p:nvPr/>
              </p:nvSpPr>
              <p:spPr>
                <a:xfrm>
                  <a:off x="3495304" y="1958343"/>
                  <a:ext cx="4997356" cy="1745901"/>
                </a:xfrm>
                <a:custGeom>
                  <a:avLst/>
                  <a:gdLst>
                    <a:gd name="connsiteX0" fmla="*/ 2305879 w 5041127"/>
                    <a:gd name="connsiteY0" fmla="*/ 0 h 1956021"/>
                    <a:gd name="connsiteX1" fmla="*/ 5041127 w 5041127"/>
                    <a:gd name="connsiteY1" fmla="*/ 826936 h 1956021"/>
                    <a:gd name="connsiteX2" fmla="*/ 2782957 w 5041127"/>
                    <a:gd name="connsiteY2" fmla="*/ 1956021 h 1956021"/>
                    <a:gd name="connsiteX3" fmla="*/ 0 w 5041127"/>
                    <a:gd name="connsiteY3" fmla="*/ 954157 h 1956021"/>
                    <a:gd name="connsiteX4" fmla="*/ 2305879 w 5041127"/>
                    <a:gd name="connsiteY4" fmla="*/ 0 h 1956021"/>
                    <a:gd name="connsiteX0" fmla="*/ 2305879 w 5018688"/>
                    <a:gd name="connsiteY0" fmla="*/ 0 h 1956021"/>
                    <a:gd name="connsiteX1" fmla="*/ 5018688 w 5018688"/>
                    <a:gd name="connsiteY1" fmla="*/ 829741 h 1956021"/>
                    <a:gd name="connsiteX2" fmla="*/ 2782957 w 5018688"/>
                    <a:gd name="connsiteY2" fmla="*/ 1956021 h 1956021"/>
                    <a:gd name="connsiteX3" fmla="*/ 0 w 5018688"/>
                    <a:gd name="connsiteY3" fmla="*/ 954157 h 1956021"/>
                    <a:gd name="connsiteX4" fmla="*/ 2305879 w 5018688"/>
                    <a:gd name="connsiteY4" fmla="*/ 0 h 1956021"/>
                    <a:gd name="connsiteX0" fmla="*/ 2305879 w 5018688"/>
                    <a:gd name="connsiteY0" fmla="*/ 0 h 1956021"/>
                    <a:gd name="connsiteX1" fmla="*/ 5018688 w 5018688"/>
                    <a:gd name="connsiteY1" fmla="*/ 835351 h 1956021"/>
                    <a:gd name="connsiteX2" fmla="*/ 2782957 w 5018688"/>
                    <a:gd name="connsiteY2" fmla="*/ 1956021 h 1956021"/>
                    <a:gd name="connsiteX3" fmla="*/ 0 w 5018688"/>
                    <a:gd name="connsiteY3" fmla="*/ 954157 h 1956021"/>
                    <a:gd name="connsiteX4" fmla="*/ 2305879 w 5018688"/>
                    <a:gd name="connsiteY4" fmla="*/ 0 h 1956021"/>
                    <a:gd name="connsiteX0" fmla="*/ 2303074 w 5015883"/>
                    <a:gd name="connsiteY0" fmla="*/ 0 h 1956021"/>
                    <a:gd name="connsiteX1" fmla="*/ 5015883 w 5015883"/>
                    <a:gd name="connsiteY1" fmla="*/ 835351 h 1956021"/>
                    <a:gd name="connsiteX2" fmla="*/ 2780152 w 5015883"/>
                    <a:gd name="connsiteY2" fmla="*/ 1956021 h 1956021"/>
                    <a:gd name="connsiteX3" fmla="*/ 0 w 5015883"/>
                    <a:gd name="connsiteY3" fmla="*/ 937327 h 1956021"/>
                    <a:gd name="connsiteX4" fmla="*/ 2303074 w 5015883"/>
                    <a:gd name="connsiteY4" fmla="*/ 0 h 1956021"/>
                    <a:gd name="connsiteX0" fmla="*/ 2303074 w 5015883"/>
                    <a:gd name="connsiteY0" fmla="*/ 0 h 1964436"/>
                    <a:gd name="connsiteX1" fmla="*/ 5015883 w 5015883"/>
                    <a:gd name="connsiteY1" fmla="*/ 835351 h 1964436"/>
                    <a:gd name="connsiteX2" fmla="*/ 2791372 w 5015883"/>
                    <a:gd name="connsiteY2" fmla="*/ 1964436 h 1964436"/>
                    <a:gd name="connsiteX3" fmla="*/ 0 w 5015883"/>
                    <a:gd name="connsiteY3" fmla="*/ 937327 h 1964436"/>
                    <a:gd name="connsiteX4" fmla="*/ 2303074 w 5015883"/>
                    <a:gd name="connsiteY4" fmla="*/ 0 h 1964436"/>
                    <a:gd name="connsiteX0" fmla="*/ 2303074 w 5009847"/>
                    <a:gd name="connsiteY0" fmla="*/ 0 h 1964436"/>
                    <a:gd name="connsiteX1" fmla="*/ 5009847 w 5009847"/>
                    <a:gd name="connsiteY1" fmla="*/ 874583 h 1964436"/>
                    <a:gd name="connsiteX2" fmla="*/ 2791372 w 5009847"/>
                    <a:gd name="connsiteY2" fmla="*/ 1964436 h 1964436"/>
                    <a:gd name="connsiteX3" fmla="*/ 0 w 5009847"/>
                    <a:gd name="connsiteY3" fmla="*/ 937327 h 1964436"/>
                    <a:gd name="connsiteX4" fmla="*/ 2303074 w 5009847"/>
                    <a:gd name="connsiteY4" fmla="*/ 0 h 1964436"/>
                    <a:gd name="connsiteX0" fmla="*/ 2320327 w 5009847"/>
                    <a:gd name="connsiteY0" fmla="*/ 0 h 1860919"/>
                    <a:gd name="connsiteX1" fmla="*/ 5009847 w 5009847"/>
                    <a:gd name="connsiteY1" fmla="*/ 771066 h 1860919"/>
                    <a:gd name="connsiteX2" fmla="*/ 2791372 w 5009847"/>
                    <a:gd name="connsiteY2" fmla="*/ 1860919 h 1860919"/>
                    <a:gd name="connsiteX3" fmla="*/ 0 w 5009847"/>
                    <a:gd name="connsiteY3" fmla="*/ 833810 h 1860919"/>
                    <a:gd name="connsiteX4" fmla="*/ 2320327 w 5009847"/>
                    <a:gd name="connsiteY4" fmla="*/ 0 h 1860919"/>
                    <a:gd name="connsiteX0" fmla="*/ 2331829 w 5009847"/>
                    <a:gd name="connsiteY0" fmla="*/ 0 h 1745900"/>
                    <a:gd name="connsiteX1" fmla="*/ 5009847 w 5009847"/>
                    <a:gd name="connsiteY1" fmla="*/ 656047 h 1745900"/>
                    <a:gd name="connsiteX2" fmla="*/ 2791372 w 5009847"/>
                    <a:gd name="connsiteY2" fmla="*/ 1745900 h 1745900"/>
                    <a:gd name="connsiteX3" fmla="*/ 0 w 5009847"/>
                    <a:gd name="connsiteY3" fmla="*/ 718791 h 1745900"/>
                    <a:gd name="connsiteX4" fmla="*/ 2331829 w 5009847"/>
                    <a:gd name="connsiteY4" fmla="*/ 0 h 1745900"/>
                    <a:gd name="connsiteX0" fmla="*/ 2331829 w 4997355"/>
                    <a:gd name="connsiteY0" fmla="*/ 0 h 1745900"/>
                    <a:gd name="connsiteX1" fmla="*/ 4997355 w 4997355"/>
                    <a:gd name="connsiteY1" fmla="*/ 668539 h 1745900"/>
                    <a:gd name="connsiteX2" fmla="*/ 2791372 w 4997355"/>
                    <a:gd name="connsiteY2" fmla="*/ 1745900 h 1745900"/>
                    <a:gd name="connsiteX3" fmla="*/ 0 w 4997355"/>
                    <a:gd name="connsiteY3" fmla="*/ 718791 h 1745900"/>
                    <a:gd name="connsiteX4" fmla="*/ 2331829 w 4997355"/>
                    <a:gd name="connsiteY4" fmla="*/ 0 h 1745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997355" h="1745900">
                      <a:moveTo>
                        <a:pt x="2331829" y="0"/>
                      </a:moveTo>
                      <a:lnTo>
                        <a:pt x="4997355" y="668539"/>
                      </a:lnTo>
                      <a:lnTo>
                        <a:pt x="2791372" y="1745900"/>
                      </a:lnTo>
                      <a:lnTo>
                        <a:pt x="0" y="718791"/>
                      </a:lnTo>
                      <a:lnTo>
                        <a:pt x="2331829" y="0"/>
                      </a:lnTo>
                      <a:close/>
                    </a:path>
                  </a:pathLst>
                </a:custGeom>
                <a:solidFill>
                  <a:srgbClr val="5ABCE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err="1">
                    <a:ln>
                      <a:noFill/>
                    </a:ln>
                    <a:solidFill>
                      <a:prstClr val="white"/>
                    </a:solidFill>
                    <a:effectLst/>
                    <a:uLnTx/>
                    <a:uFillTx/>
                    <a:latin typeface="Open Sans"/>
                    <a:ea typeface="+mn-ea"/>
                    <a:cs typeface="+mn-cs"/>
                  </a:endParaRPr>
                </a:p>
              </p:txBody>
            </p:sp>
            <p:sp>
              <p:nvSpPr>
                <p:cNvPr id="28" name="Freeform: Shape 27">
                  <a:extLst>
                    <a:ext uri="{FF2B5EF4-FFF2-40B4-BE49-F238E27FC236}">
                      <a16:creationId xmlns:a16="http://schemas.microsoft.com/office/drawing/2014/main" id="{A2B6395F-91AA-4693-9E24-A99687989389}"/>
                    </a:ext>
                  </a:extLst>
                </p:cNvPr>
                <p:cNvSpPr/>
                <p:nvPr/>
              </p:nvSpPr>
              <p:spPr>
                <a:xfrm>
                  <a:off x="6277133" y="2618320"/>
                  <a:ext cx="2214780" cy="1633786"/>
                </a:xfrm>
                <a:custGeom>
                  <a:avLst/>
                  <a:gdLst>
                    <a:gd name="connsiteX0" fmla="*/ 2250219 w 2258170"/>
                    <a:gd name="connsiteY0" fmla="*/ 0 h 1645920"/>
                    <a:gd name="connsiteX1" fmla="*/ 2258170 w 2258170"/>
                    <a:gd name="connsiteY1" fmla="*/ 469126 h 1645920"/>
                    <a:gd name="connsiteX2" fmla="*/ 15902 w 2258170"/>
                    <a:gd name="connsiteY2" fmla="*/ 1645920 h 1645920"/>
                    <a:gd name="connsiteX3" fmla="*/ 0 w 2258170"/>
                    <a:gd name="connsiteY3" fmla="*/ 1105231 h 1645920"/>
                    <a:gd name="connsiteX4" fmla="*/ 2250219 w 2258170"/>
                    <a:gd name="connsiteY4" fmla="*/ 0 h 1645920"/>
                    <a:gd name="connsiteX0" fmla="*/ 2244609 w 2258170"/>
                    <a:gd name="connsiteY0" fmla="*/ 0 h 1671164"/>
                    <a:gd name="connsiteX1" fmla="*/ 2258170 w 2258170"/>
                    <a:gd name="connsiteY1" fmla="*/ 494370 h 1671164"/>
                    <a:gd name="connsiteX2" fmla="*/ 15902 w 2258170"/>
                    <a:gd name="connsiteY2" fmla="*/ 1671164 h 1671164"/>
                    <a:gd name="connsiteX3" fmla="*/ 0 w 2258170"/>
                    <a:gd name="connsiteY3" fmla="*/ 1130475 h 1671164"/>
                    <a:gd name="connsiteX4" fmla="*/ 2244609 w 2258170"/>
                    <a:gd name="connsiteY4" fmla="*/ 0 h 1671164"/>
                    <a:gd name="connsiteX0" fmla="*/ 2244609 w 2244609"/>
                    <a:gd name="connsiteY0" fmla="*/ 0 h 1671164"/>
                    <a:gd name="connsiteX1" fmla="*/ 2235731 w 2244609"/>
                    <a:gd name="connsiteY1" fmla="*/ 494370 h 1671164"/>
                    <a:gd name="connsiteX2" fmla="*/ 15902 w 2244609"/>
                    <a:gd name="connsiteY2" fmla="*/ 1671164 h 1671164"/>
                    <a:gd name="connsiteX3" fmla="*/ 0 w 2244609"/>
                    <a:gd name="connsiteY3" fmla="*/ 1130475 h 1671164"/>
                    <a:gd name="connsiteX4" fmla="*/ 2244609 w 2244609"/>
                    <a:gd name="connsiteY4" fmla="*/ 0 h 1671164"/>
                    <a:gd name="connsiteX0" fmla="*/ 2244609 w 2244609"/>
                    <a:gd name="connsiteY0" fmla="*/ 0 h 1682383"/>
                    <a:gd name="connsiteX1" fmla="*/ 2235731 w 2244609"/>
                    <a:gd name="connsiteY1" fmla="*/ 494370 h 1682383"/>
                    <a:gd name="connsiteX2" fmla="*/ 13097 w 2244609"/>
                    <a:gd name="connsiteY2" fmla="*/ 1682383 h 1682383"/>
                    <a:gd name="connsiteX3" fmla="*/ 0 w 2244609"/>
                    <a:gd name="connsiteY3" fmla="*/ 1130475 h 1682383"/>
                    <a:gd name="connsiteX4" fmla="*/ 2244609 w 2244609"/>
                    <a:gd name="connsiteY4" fmla="*/ 0 h 1682383"/>
                    <a:gd name="connsiteX0" fmla="*/ 2239000 w 2239000"/>
                    <a:gd name="connsiteY0" fmla="*/ 0 h 1682383"/>
                    <a:gd name="connsiteX1" fmla="*/ 2230122 w 2239000"/>
                    <a:gd name="connsiteY1" fmla="*/ 494370 h 1682383"/>
                    <a:gd name="connsiteX2" fmla="*/ 7488 w 2239000"/>
                    <a:gd name="connsiteY2" fmla="*/ 1682383 h 1682383"/>
                    <a:gd name="connsiteX3" fmla="*/ 0 w 2239000"/>
                    <a:gd name="connsiteY3" fmla="*/ 1122060 h 1682383"/>
                    <a:gd name="connsiteX4" fmla="*/ 2239000 w 2239000"/>
                    <a:gd name="connsiteY4" fmla="*/ 0 h 1682383"/>
                    <a:gd name="connsiteX0" fmla="*/ 2233390 w 2233390"/>
                    <a:gd name="connsiteY0" fmla="*/ 0 h 1682383"/>
                    <a:gd name="connsiteX1" fmla="*/ 2230122 w 2233390"/>
                    <a:gd name="connsiteY1" fmla="*/ 494370 h 1682383"/>
                    <a:gd name="connsiteX2" fmla="*/ 7488 w 2233390"/>
                    <a:gd name="connsiteY2" fmla="*/ 1682383 h 1682383"/>
                    <a:gd name="connsiteX3" fmla="*/ 0 w 2233390"/>
                    <a:gd name="connsiteY3" fmla="*/ 1122060 h 1682383"/>
                    <a:gd name="connsiteX4" fmla="*/ 2233390 w 2233390"/>
                    <a:gd name="connsiteY4" fmla="*/ 0 h 1682383"/>
                    <a:gd name="connsiteX0" fmla="*/ 2225902 w 2225902"/>
                    <a:gd name="connsiteY0" fmla="*/ 0 h 1682383"/>
                    <a:gd name="connsiteX1" fmla="*/ 2222634 w 2225902"/>
                    <a:gd name="connsiteY1" fmla="*/ 494370 h 1682383"/>
                    <a:gd name="connsiteX2" fmla="*/ 0 w 2225902"/>
                    <a:gd name="connsiteY2" fmla="*/ 1682383 h 1682383"/>
                    <a:gd name="connsiteX3" fmla="*/ 9342 w 2225902"/>
                    <a:gd name="connsiteY3" fmla="*/ 1119255 h 1682383"/>
                    <a:gd name="connsiteX4" fmla="*/ 2225902 w 2225902"/>
                    <a:gd name="connsiteY4" fmla="*/ 0 h 1682383"/>
                    <a:gd name="connsiteX0" fmla="*/ 2217487 w 2217487"/>
                    <a:gd name="connsiteY0" fmla="*/ 0 h 1679578"/>
                    <a:gd name="connsiteX1" fmla="*/ 2214219 w 2217487"/>
                    <a:gd name="connsiteY1" fmla="*/ 494370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79578"/>
                    <a:gd name="connsiteX1" fmla="*/ 2214219 w 2217487"/>
                    <a:gd name="connsiteY1" fmla="*/ 473245 h 1679578"/>
                    <a:gd name="connsiteX2" fmla="*/ 0 w 2217487"/>
                    <a:gd name="connsiteY2" fmla="*/ 1679578 h 1679578"/>
                    <a:gd name="connsiteX3" fmla="*/ 927 w 2217487"/>
                    <a:gd name="connsiteY3" fmla="*/ 1119255 h 1679578"/>
                    <a:gd name="connsiteX4" fmla="*/ 2217487 w 2217487"/>
                    <a:gd name="connsiteY4" fmla="*/ 0 h 1679578"/>
                    <a:gd name="connsiteX0" fmla="*/ 2217487 w 2217487"/>
                    <a:gd name="connsiteY0" fmla="*/ 0 h 1643365"/>
                    <a:gd name="connsiteX1" fmla="*/ 2214219 w 2217487"/>
                    <a:gd name="connsiteY1" fmla="*/ 437032 h 1643365"/>
                    <a:gd name="connsiteX2" fmla="*/ 0 w 2217487"/>
                    <a:gd name="connsiteY2" fmla="*/ 1643365 h 1643365"/>
                    <a:gd name="connsiteX3" fmla="*/ 927 w 2217487"/>
                    <a:gd name="connsiteY3" fmla="*/ 1083042 h 1643365"/>
                    <a:gd name="connsiteX4" fmla="*/ 2217487 w 2217487"/>
                    <a:gd name="connsiteY4" fmla="*/ 0 h 1643365"/>
                    <a:gd name="connsiteX0" fmla="*/ 2217487 w 2217487"/>
                    <a:gd name="connsiteY0" fmla="*/ 0 h 1643365"/>
                    <a:gd name="connsiteX1" fmla="*/ 2214219 w 2217487"/>
                    <a:gd name="connsiteY1" fmla="*/ 437032 h 1643365"/>
                    <a:gd name="connsiteX2" fmla="*/ 0 w 2217487"/>
                    <a:gd name="connsiteY2" fmla="*/ 1643365 h 1643365"/>
                    <a:gd name="connsiteX3" fmla="*/ 40932 w 2217487"/>
                    <a:gd name="connsiteY3" fmla="*/ 1143049 h 1643365"/>
                    <a:gd name="connsiteX4" fmla="*/ 2217487 w 2217487"/>
                    <a:gd name="connsiteY4" fmla="*/ 0 h 1643365"/>
                    <a:gd name="connsiteX0" fmla="*/ 2219418 w 2219418"/>
                    <a:gd name="connsiteY0" fmla="*/ 0 h 1643365"/>
                    <a:gd name="connsiteX1" fmla="*/ 2216150 w 2219418"/>
                    <a:gd name="connsiteY1" fmla="*/ 437032 h 1643365"/>
                    <a:gd name="connsiteX2" fmla="*/ 1931 w 2219418"/>
                    <a:gd name="connsiteY2" fmla="*/ 1643365 h 1643365"/>
                    <a:gd name="connsiteX3" fmla="*/ 0 w 2219418"/>
                    <a:gd name="connsiteY3" fmla="*/ 1094472 h 1643365"/>
                    <a:gd name="connsiteX4" fmla="*/ 2219418 w 2219418"/>
                    <a:gd name="connsiteY4" fmla="*/ 0 h 1643365"/>
                    <a:gd name="connsiteX0" fmla="*/ 2225133 w 2225133"/>
                    <a:gd name="connsiteY0" fmla="*/ 0 h 1643365"/>
                    <a:gd name="connsiteX1" fmla="*/ 2221865 w 2225133"/>
                    <a:gd name="connsiteY1" fmla="*/ 437032 h 1643365"/>
                    <a:gd name="connsiteX2" fmla="*/ 7646 w 2225133"/>
                    <a:gd name="connsiteY2" fmla="*/ 1643365 h 1643365"/>
                    <a:gd name="connsiteX3" fmla="*/ 0 w 2225133"/>
                    <a:gd name="connsiteY3" fmla="*/ 1094472 h 1643365"/>
                    <a:gd name="connsiteX4" fmla="*/ 2225133 w 2225133"/>
                    <a:gd name="connsiteY4" fmla="*/ 0 h 1643365"/>
                    <a:gd name="connsiteX0" fmla="*/ 2222275 w 2222275"/>
                    <a:gd name="connsiteY0" fmla="*/ 0 h 1643365"/>
                    <a:gd name="connsiteX1" fmla="*/ 2219007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22275 w 2222275"/>
                    <a:gd name="connsiteY0" fmla="*/ 0 h 1643365"/>
                    <a:gd name="connsiteX1" fmla="*/ 2209014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22275 w 2222275"/>
                    <a:gd name="connsiteY0" fmla="*/ 0 h 1643365"/>
                    <a:gd name="connsiteX1" fmla="*/ 2209014 w 2222275"/>
                    <a:gd name="connsiteY1" fmla="*/ 437032 h 1643365"/>
                    <a:gd name="connsiteX2" fmla="*/ 4788 w 2222275"/>
                    <a:gd name="connsiteY2" fmla="*/ 1643365 h 1643365"/>
                    <a:gd name="connsiteX3" fmla="*/ 0 w 2222275"/>
                    <a:gd name="connsiteY3" fmla="*/ 1085900 h 1643365"/>
                    <a:gd name="connsiteX4" fmla="*/ 2222275 w 2222275"/>
                    <a:gd name="connsiteY4" fmla="*/ 0 h 1643365"/>
                    <a:gd name="connsiteX0" fmla="*/ 2207285 w 2209207"/>
                    <a:gd name="connsiteY0" fmla="*/ 0 h 1630873"/>
                    <a:gd name="connsiteX1" fmla="*/ 2209014 w 2209207"/>
                    <a:gd name="connsiteY1" fmla="*/ 424540 h 1630873"/>
                    <a:gd name="connsiteX2" fmla="*/ 4788 w 2209207"/>
                    <a:gd name="connsiteY2" fmla="*/ 1630873 h 1630873"/>
                    <a:gd name="connsiteX3" fmla="*/ 0 w 2209207"/>
                    <a:gd name="connsiteY3" fmla="*/ 1073408 h 1630873"/>
                    <a:gd name="connsiteX4" fmla="*/ 2207285 w 2209207"/>
                    <a:gd name="connsiteY4" fmla="*/ 0 h 1630873"/>
                    <a:gd name="connsiteX0" fmla="*/ 2207285 w 2209207"/>
                    <a:gd name="connsiteY0" fmla="*/ 0 h 1630873"/>
                    <a:gd name="connsiteX1" fmla="*/ 2209014 w 2209207"/>
                    <a:gd name="connsiteY1" fmla="*/ 424540 h 1630873"/>
                    <a:gd name="connsiteX2" fmla="*/ 4788 w 2209207"/>
                    <a:gd name="connsiteY2" fmla="*/ 1630873 h 1630873"/>
                    <a:gd name="connsiteX3" fmla="*/ 0 w 2209207"/>
                    <a:gd name="connsiteY3" fmla="*/ 1073408 h 1630873"/>
                    <a:gd name="connsiteX4" fmla="*/ 2207285 w 2209207"/>
                    <a:gd name="connsiteY4" fmla="*/ 0 h 1630873"/>
                    <a:gd name="connsiteX0" fmla="*/ 2214780 w 2214780"/>
                    <a:gd name="connsiteY0" fmla="*/ 0 h 1630873"/>
                    <a:gd name="connsiteX1" fmla="*/ 2209014 w 2214780"/>
                    <a:gd name="connsiteY1" fmla="*/ 424540 h 1630873"/>
                    <a:gd name="connsiteX2" fmla="*/ 4788 w 2214780"/>
                    <a:gd name="connsiteY2" fmla="*/ 1630873 h 1630873"/>
                    <a:gd name="connsiteX3" fmla="*/ 0 w 2214780"/>
                    <a:gd name="connsiteY3" fmla="*/ 1073408 h 1630873"/>
                    <a:gd name="connsiteX4" fmla="*/ 2214780 w 2214780"/>
                    <a:gd name="connsiteY4" fmla="*/ 0 h 1630873"/>
                    <a:gd name="connsiteX0" fmla="*/ 2214780 w 2214780"/>
                    <a:gd name="connsiteY0" fmla="*/ 0 h 1633785"/>
                    <a:gd name="connsiteX1" fmla="*/ 2209014 w 2214780"/>
                    <a:gd name="connsiteY1" fmla="*/ 424540 h 1633785"/>
                    <a:gd name="connsiteX2" fmla="*/ 4788 w 2214780"/>
                    <a:gd name="connsiteY2" fmla="*/ 1633785 h 1633785"/>
                    <a:gd name="connsiteX3" fmla="*/ 0 w 2214780"/>
                    <a:gd name="connsiteY3" fmla="*/ 1073408 h 1633785"/>
                    <a:gd name="connsiteX4" fmla="*/ 2214780 w 2214780"/>
                    <a:gd name="connsiteY4" fmla="*/ 0 h 163378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214780" h="1633785">
                      <a:moveTo>
                        <a:pt x="2214780" y="0"/>
                      </a:moveTo>
                      <a:cubicBezTo>
                        <a:pt x="2213691" y="52363"/>
                        <a:pt x="2210103" y="377173"/>
                        <a:pt x="2209014" y="424540"/>
                      </a:cubicBezTo>
                      <a:lnTo>
                        <a:pt x="4788" y="1633785"/>
                      </a:lnTo>
                      <a:cubicBezTo>
                        <a:pt x="4144" y="1450821"/>
                        <a:pt x="644" y="1256372"/>
                        <a:pt x="0" y="1073408"/>
                      </a:cubicBezTo>
                      <a:lnTo>
                        <a:pt x="2214780" y="0"/>
                      </a:lnTo>
                      <a:close/>
                    </a:path>
                  </a:pathLst>
                </a:custGeom>
                <a:solidFill>
                  <a:srgbClr val="1F95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err="1">
                    <a:ln>
                      <a:noFill/>
                    </a:ln>
                    <a:solidFill>
                      <a:prstClr val="white"/>
                    </a:solidFill>
                    <a:effectLst/>
                    <a:uLnTx/>
                    <a:uFillTx/>
                    <a:latin typeface="Open Sans"/>
                    <a:ea typeface="+mn-ea"/>
                    <a:cs typeface="+mn-cs"/>
                  </a:endParaRPr>
                </a:p>
              </p:txBody>
            </p:sp>
            <p:sp>
              <p:nvSpPr>
                <p:cNvPr id="29" name="Freeform: Shape 28">
                  <a:extLst>
                    <a:ext uri="{FF2B5EF4-FFF2-40B4-BE49-F238E27FC236}">
                      <a16:creationId xmlns:a16="http://schemas.microsoft.com/office/drawing/2014/main" id="{72D77CAC-D72A-43EF-A29D-5A992A498DAE}"/>
                    </a:ext>
                  </a:extLst>
                </p:cNvPr>
                <p:cNvSpPr/>
                <p:nvPr/>
              </p:nvSpPr>
              <p:spPr>
                <a:xfrm>
                  <a:off x="3493791" y="2673205"/>
                  <a:ext cx="2791258" cy="1579802"/>
                </a:xfrm>
                <a:custGeom>
                  <a:avLst/>
                  <a:gdLst>
                    <a:gd name="connsiteX0" fmla="*/ 2782957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2957 w 2790908"/>
                    <a:gd name="connsiteY4" fmla="*/ 1009816 h 1566407"/>
                    <a:gd name="connsiteX0" fmla="*/ 2785762 w 2790908"/>
                    <a:gd name="connsiteY0" fmla="*/ 1009816 h 1566407"/>
                    <a:gd name="connsiteX1" fmla="*/ 2790908 w 2790908"/>
                    <a:gd name="connsiteY1" fmla="*/ 1566407 h 1566407"/>
                    <a:gd name="connsiteX2" fmla="*/ 23854 w 2790908"/>
                    <a:gd name="connsiteY2" fmla="*/ 516835 h 1566407"/>
                    <a:gd name="connsiteX3" fmla="*/ 0 w 2790908"/>
                    <a:gd name="connsiteY3" fmla="*/ 0 h 1566407"/>
                    <a:gd name="connsiteX4" fmla="*/ 2785762 w 2790908"/>
                    <a:gd name="connsiteY4" fmla="*/ 1009816 h 1566407"/>
                    <a:gd name="connsiteX0" fmla="*/ 2788567 w 2790908"/>
                    <a:gd name="connsiteY0" fmla="*/ 1004206 h 1566407"/>
                    <a:gd name="connsiteX1" fmla="*/ 2790908 w 2790908"/>
                    <a:gd name="connsiteY1" fmla="*/ 1566407 h 1566407"/>
                    <a:gd name="connsiteX2" fmla="*/ 23854 w 2790908"/>
                    <a:gd name="connsiteY2" fmla="*/ 516835 h 1566407"/>
                    <a:gd name="connsiteX3" fmla="*/ 0 w 2790908"/>
                    <a:gd name="connsiteY3" fmla="*/ 0 h 1566407"/>
                    <a:gd name="connsiteX4" fmla="*/ 2788567 w 2790908"/>
                    <a:gd name="connsiteY4" fmla="*/ 1004206 h 1566407"/>
                    <a:gd name="connsiteX0" fmla="*/ 2788567 w 2790908"/>
                    <a:gd name="connsiteY0" fmla="*/ 1004206 h 1566407"/>
                    <a:gd name="connsiteX1" fmla="*/ 2790908 w 2790908"/>
                    <a:gd name="connsiteY1" fmla="*/ 1566407 h 1566407"/>
                    <a:gd name="connsiteX2" fmla="*/ 7024 w 2790908"/>
                    <a:gd name="connsiteY2" fmla="*/ 516835 h 1566407"/>
                    <a:gd name="connsiteX3" fmla="*/ 0 w 2790908"/>
                    <a:gd name="connsiteY3" fmla="*/ 0 h 1566407"/>
                    <a:gd name="connsiteX4" fmla="*/ 2788567 w 2790908"/>
                    <a:gd name="connsiteY4" fmla="*/ 1004206 h 1566407"/>
                    <a:gd name="connsiteX0" fmla="*/ 2782957 w 2785298"/>
                    <a:gd name="connsiteY0" fmla="*/ 1009816 h 1572017"/>
                    <a:gd name="connsiteX1" fmla="*/ 2785298 w 2785298"/>
                    <a:gd name="connsiteY1" fmla="*/ 1572017 h 1572017"/>
                    <a:gd name="connsiteX2" fmla="*/ 1414 w 2785298"/>
                    <a:gd name="connsiteY2" fmla="*/ 522445 h 1572017"/>
                    <a:gd name="connsiteX3" fmla="*/ 0 w 2785298"/>
                    <a:gd name="connsiteY3" fmla="*/ 0 h 1572017"/>
                    <a:gd name="connsiteX4" fmla="*/ 2782957 w 2785298"/>
                    <a:gd name="connsiteY4" fmla="*/ 1009816 h 1572017"/>
                    <a:gd name="connsiteX0" fmla="*/ 2782091 w 2784432"/>
                    <a:gd name="connsiteY0" fmla="*/ 1012621 h 1574822"/>
                    <a:gd name="connsiteX1" fmla="*/ 2784432 w 2784432"/>
                    <a:gd name="connsiteY1" fmla="*/ 1574822 h 1574822"/>
                    <a:gd name="connsiteX2" fmla="*/ 548 w 2784432"/>
                    <a:gd name="connsiteY2" fmla="*/ 525250 h 1574822"/>
                    <a:gd name="connsiteX3" fmla="*/ 1939 w 2784432"/>
                    <a:gd name="connsiteY3" fmla="*/ 0 h 1574822"/>
                    <a:gd name="connsiteX4" fmla="*/ 2782091 w 2784432"/>
                    <a:gd name="connsiteY4" fmla="*/ 1012621 h 1574822"/>
                    <a:gd name="connsiteX0" fmla="*/ 2781862 w 2784203"/>
                    <a:gd name="connsiteY0" fmla="*/ 1007289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07289 h 1569490"/>
                    <a:gd name="connsiteX0" fmla="*/ 2781862 w 2784203"/>
                    <a:gd name="connsiteY0" fmla="*/ 1017953 h 1569490"/>
                    <a:gd name="connsiteX1" fmla="*/ 2784203 w 2784203"/>
                    <a:gd name="connsiteY1" fmla="*/ 1569490 h 1569490"/>
                    <a:gd name="connsiteX2" fmla="*/ 319 w 2784203"/>
                    <a:gd name="connsiteY2" fmla="*/ 519918 h 1569490"/>
                    <a:gd name="connsiteX3" fmla="*/ 7042 w 2784203"/>
                    <a:gd name="connsiteY3" fmla="*/ 0 h 1569490"/>
                    <a:gd name="connsiteX4" fmla="*/ 2781862 w 2784203"/>
                    <a:gd name="connsiteY4" fmla="*/ 1017953 h 1569490"/>
                    <a:gd name="connsiteX0" fmla="*/ 2774820 w 2777161"/>
                    <a:gd name="connsiteY0" fmla="*/ 1017953 h 1569490"/>
                    <a:gd name="connsiteX1" fmla="*/ 2777161 w 2777161"/>
                    <a:gd name="connsiteY1" fmla="*/ 1569490 h 1569490"/>
                    <a:gd name="connsiteX2" fmla="*/ 3941 w 2777161"/>
                    <a:gd name="connsiteY2" fmla="*/ 517252 h 1569490"/>
                    <a:gd name="connsiteX3" fmla="*/ 0 w 2777161"/>
                    <a:gd name="connsiteY3" fmla="*/ 0 h 1569490"/>
                    <a:gd name="connsiteX4" fmla="*/ 2774820 w 2777161"/>
                    <a:gd name="connsiteY4" fmla="*/ 1017953 h 1569490"/>
                    <a:gd name="connsiteX0" fmla="*/ 2774820 w 2779827"/>
                    <a:gd name="connsiteY0" fmla="*/ 1017953 h 1582819"/>
                    <a:gd name="connsiteX1" fmla="*/ 2779827 w 2779827"/>
                    <a:gd name="connsiteY1" fmla="*/ 1582819 h 1582819"/>
                    <a:gd name="connsiteX2" fmla="*/ 3941 w 2779827"/>
                    <a:gd name="connsiteY2" fmla="*/ 517252 h 1582819"/>
                    <a:gd name="connsiteX3" fmla="*/ 0 w 2779827"/>
                    <a:gd name="connsiteY3" fmla="*/ 0 h 1582819"/>
                    <a:gd name="connsiteX4" fmla="*/ 2774820 w 2779827"/>
                    <a:gd name="connsiteY4" fmla="*/ 1017953 h 1582819"/>
                    <a:gd name="connsiteX0" fmla="*/ 2783235 w 2783513"/>
                    <a:gd name="connsiteY0" fmla="*/ 1020758 h 1582819"/>
                    <a:gd name="connsiteX1" fmla="*/ 2779827 w 2783513"/>
                    <a:gd name="connsiteY1" fmla="*/ 1582819 h 1582819"/>
                    <a:gd name="connsiteX2" fmla="*/ 3941 w 2783513"/>
                    <a:gd name="connsiteY2" fmla="*/ 517252 h 1582819"/>
                    <a:gd name="connsiteX3" fmla="*/ 0 w 2783513"/>
                    <a:gd name="connsiteY3" fmla="*/ 0 h 1582819"/>
                    <a:gd name="connsiteX4" fmla="*/ 2783235 w 2783513"/>
                    <a:gd name="connsiteY4" fmla="*/ 1020758 h 1582819"/>
                    <a:gd name="connsiteX0" fmla="*/ 2783235 w 2788242"/>
                    <a:gd name="connsiteY0" fmla="*/ 1020758 h 1582819"/>
                    <a:gd name="connsiteX1" fmla="*/ 2788242 w 2788242"/>
                    <a:gd name="connsiteY1" fmla="*/ 1582819 h 1582819"/>
                    <a:gd name="connsiteX2" fmla="*/ 3941 w 2788242"/>
                    <a:gd name="connsiteY2" fmla="*/ 517252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3235 w 2788242"/>
                    <a:gd name="connsiteY0" fmla="*/ 1020758 h 1582819"/>
                    <a:gd name="connsiteX1" fmla="*/ 2788242 w 2788242"/>
                    <a:gd name="connsiteY1" fmla="*/ 1582819 h 1582819"/>
                    <a:gd name="connsiteX2" fmla="*/ 3941 w 2788242"/>
                    <a:gd name="connsiteY2" fmla="*/ 482746 h 1582819"/>
                    <a:gd name="connsiteX3" fmla="*/ 0 w 2788242"/>
                    <a:gd name="connsiteY3" fmla="*/ 0 h 1582819"/>
                    <a:gd name="connsiteX4" fmla="*/ 2783235 w 2788242"/>
                    <a:gd name="connsiteY4" fmla="*/ 1020758 h 1582819"/>
                    <a:gd name="connsiteX0" fmla="*/ 2785829 w 2790836"/>
                    <a:gd name="connsiteY0" fmla="*/ 1020758 h 1582819"/>
                    <a:gd name="connsiteX1" fmla="*/ 2790836 w 2790836"/>
                    <a:gd name="connsiteY1" fmla="*/ 1582819 h 1582819"/>
                    <a:gd name="connsiteX2" fmla="*/ 499 w 2790836"/>
                    <a:gd name="connsiteY2" fmla="*/ 419372 h 1582819"/>
                    <a:gd name="connsiteX3" fmla="*/ 2594 w 2790836"/>
                    <a:gd name="connsiteY3" fmla="*/ 0 h 1582819"/>
                    <a:gd name="connsiteX4" fmla="*/ 2785829 w 2790836"/>
                    <a:gd name="connsiteY4" fmla="*/ 1020758 h 1582819"/>
                    <a:gd name="connsiteX0" fmla="*/ 2786253 w 2791260"/>
                    <a:gd name="connsiteY0" fmla="*/ 1017740 h 1579801"/>
                    <a:gd name="connsiteX1" fmla="*/ 2791260 w 2791260"/>
                    <a:gd name="connsiteY1" fmla="*/ 1579801 h 1579801"/>
                    <a:gd name="connsiteX2" fmla="*/ 923 w 2791260"/>
                    <a:gd name="connsiteY2" fmla="*/ 416354 h 1579801"/>
                    <a:gd name="connsiteX3" fmla="*/ 0 w 2791260"/>
                    <a:gd name="connsiteY3" fmla="*/ 0 h 1579801"/>
                    <a:gd name="connsiteX4" fmla="*/ 2786253 w 2791260"/>
                    <a:gd name="connsiteY4" fmla="*/ 1017740 h 157980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791260" h="1579801">
                      <a:moveTo>
                        <a:pt x="2786253" y="1017740"/>
                      </a:moveTo>
                      <a:cubicBezTo>
                        <a:pt x="2787968" y="1203270"/>
                        <a:pt x="2789545" y="1394271"/>
                        <a:pt x="2791260" y="1579801"/>
                      </a:cubicBezTo>
                      <a:cubicBezTo>
                        <a:pt x="1863160" y="1224612"/>
                        <a:pt x="929023" y="771543"/>
                        <a:pt x="923" y="416354"/>
                      </a:cubicBezTo>
                      <a:cubicBezTo>
                        <a:pt x="-1418" y="244076"/>
                        <a:pt x="2341" y="172278"/>
                        <a:pt x="0" y="0"/>
                      </a:cubicBezTo>
                      <a:lnTo>
                        <a:pt x="2786253" y="1017740"/>
                      </a:lnTo>
                      <a:close/>
                    </a:path>
                  </a:pathLst>
                </a:custGeom>
                <a:solidFill>
                  <a:srgbClr val="25AAE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33"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err="1">
                    <a:ln>
                      <a:noFill/>
                    </a:ln>
                    <a:solidFill>
                      <a:prstClr val="white"/>
                    </a:solidFill>
                    <a:effectLst/>
                    <a:uLnTx/>
                    <a:uFillTx/>
                    <a:latin typeface="Open Sans"/>
                    <a:ea typeface="+mn-ea"/>
                    <a:cs typeface="+mn-cs"/>
                  </a:endParaRPr>
                </a:p>
              </p:txBody>
            </p:sp>
          </p:grpSp>
          <p:sp>
            <p:nvSpPr>
              <p:cNvPr id="30" name="Title 5">
                <a:extLst>
                  <a:ext uri="{FF2B5EF4-FFF2-40B4-BE49-F238E27FC236}">
                    <a16:creationId xmlns:a16="http://schemas.microsoft.com/office/drawing/2014/main" id="{9E1E176F-3ACB-4A2F-B25C-6AE9F1C91B94}"/>
                  </a:ext>
                </a:extLst>
              </p:cNvPr>
              <p:cNvSpPr txBox="1">
                <a:spLocks/>
              </p:cNvSpPr>
              <p:nvPr/>
            </p:nvSpPr>
            <p:spPr>
              <a:xfrm>
                <a:off x="9434280" y="2962137"/>
                <a:ext cx="2072458" cy="364314"/>
              </a:xfrm>
              <a:prstGeom prst="rect">
                <a:avLst/>
              </a:prstGeom>
            </p:spPr>
            <p:txBody>
              <a:bodyPr vert="horz" lIns="0" tIns="0" rIns="0" bIns="0" rtlCol="0" anchor="b" anchorCtr="0">
                <a:noAutofit/>
              </a:bodyPr>
              <a:lstStyle>
                <a:lvl1pPr marL="0" algn="l" defTabSz="914400" rtl="0" eaLnBrk="1" latinLnBrk="0" hangingPunct="1">
                  <a:lnSpc>
                    <a:spcPct val="100000"/>
                  </a:lnSpc>
                  <a:spcBef>
                    <a:spcPct val="0"/>
                  </a:spcBef>
                  <a:spcAft>
                    <a:spcPts val="0"/>
                  </a:spcAft>
                  <a:buNone/>
                  <a:defRPr sz="4000" b="0" kern="1200">
                    <a:solidFill>
                      <a:schemeClr val="bg1"/>
                    </a:solidFill>
                    <a:latin typeface="+mj-lt"/>
                    <a:ea typeface="Open Sans Light" panose="020B0604020202020204" charset="0"/>
                    <a:cs typeface="Open Sans Light" panose="020B0604020202020204" charset="0"/>
                  </a:defRPr>
                </a:lvl1pPr>
              </a:lstStyle>
              <a:p>
                <a:pPr marL="0" marR="0" lvl="0" indent="0" algn="ctr" defTabSz="914333" rtl="0" eaLnBrk="1" fontAlgn="auto" latinLnBrk="0" hangingPunct="1">
                  <a:lnSpc>
                    <a:spcPct val="90000"/>
                  </a:lnSpc>
                  <a:spcBef>
                    <a:spcPct val="0"/>
                  </a:spcBef>
                  <a:spcAft>
                    <a:spcPts val="0"/>
                  </a:spcAft>
                  <a:buClrTx/>
                  <a:buSzTx/>
                  <a:buFontTx/>
                  <a:buNone/>
                  <a:tabLst/>
                  <a:defRPr/>
                </a:pPr>
                <a:r>
                  <a:rPr kumimoji="0" lang="en-GB" sz="1999" b="1" i="0" u="none" strike="noStrike" kern="1200" cap="none" spc="0" normalizeH="0" baseline="0" noProof="0" dirty="0" err="1">
                    <a:ln>
                      <a:noFill/>
                    </a:ln>
                    <a:effectLst/>
                    <a:uLnTx/>
                    <a:uFillTx/>
                    <a:latin typeface="Open Sans Light"/>
                    <a:ea typeface="Open Sans Light" panose="020B0604020202020204" charset="0"/>
                    <a:cs typeface="Open Sans Light" panose="020B0604020202020204" charset="0"/>
                  </a:rPr>
                  <a:t>Partnerská</a:t>
                </a:r>
                <a:endParaRPr kumimoji="0" lang="en-GB" sz="1999" b="1" i="0" u="none" strike="noStrike" kern="1200" cap="none" spc="0" normalizeH="0" baseline="0" noProof="0" dirty="0">
                  <a:ln>
                    <a:noFill/>
                  </a:ln>
                  <a:effectLst/>
                  <a:uLnTx/>
                  <a:uFillTx/>
                  <a:latin typeface="Open Sans Light"/>
                  <a:ea typeface="Open Sans Light" panose="020B0604020202020204" charset="0"/>
                  <a:cs typeface="Open Sans Light" panose="020B0604020202020204" charset="0"/>
                </a:endParaRPr>
              </a:p>
              <a:p>
                <a:pPr marL="0" marR="0" lvl="0" indent="0" algn="ctr" defTabSz="914333" rtl="0" eaLnBrk="1" fontAlgn="auto" latinLnBrk="0" hangingPunct="1">
                  <a:lnSpc>
                    <a:spcPct val="90000"/>
                  </a:lnSpc>
                  <a:spcBef>
                    <a:spcPct val="0"/>
                  </a:spcBef>
                  <a:spcAft>
                    <a:spcPts val="0"/>
                  </a:spcAft>
                  <a:buClrTx/>
                  <a:buSzTx/>
                  <a:buFontTx/>
                  <a:buNone/>
                  <a:tabLst/>
                  <a:defRPr/>
                </a:pPr>
                <a:r>
                  <a:rPr lang="en-GB" sz="1999" b="1" dirty="0" err="1">
                    <a:latin typeface="Open Sans Light"/>
                  </a:rPr>
                  <a:t>řešení</a:t>
                </a:r>
                <a:endParaRPr kumimoji="0" lang="en-GB" sz="2800" b="1" i="0" u="none" strike="noStrike" kern="1200" cap="none" spc="0" normalizeH="0" baseline="0" noProof="0" dirty="0">
                  <a:ln>
                    <a:noFill/>
                  </a:ln>
                  <a:effectLst/>
                  <a:uLnTx/>
                  <a:uFillTx/>
                  <a:latin typeface="Open Sans Light"/>
                  <a:ea typeface="Open Sans Light" panose="020B0604020202020204" charset="0"/>
                  <a:cs typeface="Open Sans Light" panose="020B0604020202020204" charset="0"/>
                </a:endParaRPr>
              </a:p>
            </p:txBody>
          </p:sp>
        </p:grpSp>
        <p:sp>
          <p:nvSpPr>
            <p:cNvPr id="74" name="TextBox 73">
              <a:extLst>
                <a:ext uri="{FF2B5EF4-FFF2-40B4-BE49-F238E27FC236}">
                  <a16:creationId xmlns:a16="http://schemas.microsoft.com/office/drawing/2014/main" id="{8C9D055F-FEA3-4B63-8194-4117F097B35C}"/>
                </a:ext>
              </a:extLst>
            </p:cNvPr>
            <p:cNvSpPr txBox="1"/>
            <p:nvPr/>
          </p:nvSpPr>
          <p:spPr>
            <a:xfrm>
              <a:off x="9652710" y="5504610"/>
              <a:ext cx="800399" cy="153888"/>
            </a:xfrm>
            <a:prstGeom prst="rect">
              <a:avLst/>
            </a:prstGeom>
            <a:noFill/>
            <a:scene3d>
              <a:camera prst="orthographicFront">
                <a:rot lat="19140000" lon="19660867" rev="21215106"/>
              </a:camera>
              <a:lightRig rig="threePt" dir="t"/>
            </a:scene3d>
          </p:spPr>
          <p:txBody>
            <a:bodyPr wrap="square" lIns="0" tIns="0" rIns="0" bIns="0" rtlCol="0">
              <a:spAutoFit/>
            </a:bodyPr>
            <a:lstStyle/>
            <a:p>
              <a:pPr marL="0" marR="0" lvl="0" indent="0" algn="ctr" defTabSz="914333"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prstClr val="white"/>
                  </a:solidFill>
                  <a:effectLst/>
                  <a:uLnTx/>
                  <a:uFillTx/>
                  <a:latin typeface="Open Sans"/>
                  <a:ea typeface="+mn-ea"/>
                  <a:cs typeface="+mn-cs"/>
                </a:rPr>
                <a:t>HARDWARE</a:t>
              </a:r>
              <a:endParaRPr lang="en-GB"/>
            </a:p>
          </p:txBody>
        </p:sp>
        <p:sp>
          <p:nvSpPr>
            <p:cNvPr id="75" name="TextBox 74">
              <a:extLst>
                <a:ext uri="{FF2B5EF4-FFF2-40B4-BE49-F238E27FC236}">
                  <a16:creationId xmlns:a16="http://schemas.microsoft.com/office/drawing/2014/main" id="{B7838C26-8BA3-496F-8789-EFC4839BDCC3}"/>
                </a:ext>
              </a:extLst>
            </p:cNvPr>
            <p:cNvSpPr txBox="1"/>
            <p:nvPr/>
          </p:nvSpPr>
          <p:spPr>
            <a:xfrm rot="21027256">
              <a:off x="9640244" y="4937315"/>
              <a:ext cx="928450" cy="153888"/>
            </a:xfrm>
            <a:prstGeom prst="rect">
              <a:avLst/>
            </a:prstGeom>
            <a:noFill/>
            <a:scene3d>
              <a:camera prst="orthographicFront">
                <a:rot lat="18842034" lon="19709028" rev="21181929"/>
              </a:camera>
              <a:lightRig rig="threePt" dir="t"/>
            </a:scene3d>
          </p:spPr>
          <p:txBody>
            <a:bodyPr wrap="square" lIns="0" tIns="0" rIns="0" bIns="0" rtlCol="0">
              <a:spAutoFit/>
            </a:bodyPr>
            <a:lstStyle/>
            <a:p>
              <a:pPr marL="0" marR="0" lvl="0" indent="0" algn="ctr" defTabSz="914333"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prstClr val="white"/>
                  </a:solidFill>
                  <a:effectLst/>
                  <a:uLnTx/>
                  <a:uFillTx/>
                  <a:latin typeface="Open Sans"/>
                  <a:ea typeface="+mn-ea"/>
                  <a:cs typeface="+mn-cs"/>
                </a:rPr>
                <a:t>APPLICATION</a:t>
              </a:r>
              <a:endParaRPr lang="en-GB"/>
            </a:p>
          </p:txBody>
        </p:sp>
      </p:grpSp>
      <p:sp>
        <p:nvSpPr>
          <p:cNvPr id="76" name="TextBox 75">
            <a:extLst>
              <a:ext uri="{FF2B5EF4-FFF2-40B4-BE49-F238E27FC236}">
                <a16:creationId xmlns:a16="http://schemas.microsoft.com/office/drawing/2014/main" id="{86351980-C430-4F8F-9B54-6405F5E85603}"/>
              </a:ext>
            </a:extLst>
          </p:cNvPr>
          <p:cNvSpPr txBox="1"/>
          <p:nvPr/>
        </p:nvSpPr>
        <p:spPr>
          <a:xfrm>
            <a:off x="-95766" y="1195735"/>
            <a:ext cx="4830390" cy="400110"/>
          </a:xfrm>
          <a:prstGeom prst="rect">
            <a:avLst/>
          </a:prstGeom>
          <a:noFill/>
        </p:spPr>
        <p:txBody>
          <a:bodyPr wrap="square">
            <a:spAutoFit/>
          </a:bodyPr>
          <a:lstStyle/>
          <a:p>
            <a:pPr algn="ctr"/>
            <a:r>
              <a:rPr lang="en-GB" sz="2000" dirty="0" err="1">
                <a:solidFill>
                  <a:schemeClr val="accent3"/>
                </a:solidFill>
                <a:latin typeface="Open Sans Extrabold" panose="020B0906030804020204" pitchFamily="34" charset="0"/>
                <a:ea typeface="Open Sans Extrabold" panose="020B0906030804020204" pitchFamily="34" charset="0"/>
                <a:cs typeface="Open Sans Extrabold" panose="020B0906030804020204" pitchFamily="34" charset="0"/>
              </a:rPr>
              <a:t>Využijte</a:t>
            </a:r>
            <a:r>
              <a:rPr lang="en-GB" sz="2000" dirty="0">
                <a:solidFill>
                  <a:schemeClr val="accent3"/>
                </a:solidFill>
                <a:latin typeface="Open Sans Extrabold" panose="020B0906030804020204" pitchFamily="34" charset="0"/>
                <a:ea typeface="Open Sans Extrabold" panose="020B0906030804020204" pitchFamily="34" charset="0"/>
                <a:cs typeface="Open Sans Extrabold" panose="020B0906030804020204" pitchFamily="34" charset="0"/>
              </a:rPr>
              <a:t> </a:t>
            </a:r>
            <a:r>
              <a:rPr lang="en-GB" sz="2000" dirty="0" err="1">
                <a:solidFill>
                  <a:schemeClr val="accent3"/>
                </a:solidFill>
                <a:latin typeface="Open Sans Extrabold" panose="020B0906030804020204" pitchFamily="34" charset="0"/>
                <a:ea typeface="Open Sans Extrabold" panose="020B0906030804020204" pitchFamily="34" charset="0"/>
                <a:cs typeface="Open Sans Extrabold" panose="020B0906030804020204" pitchFamily="34" charset="0"/>
              </a:rPr>
              <a:t>naši</a:t>
            </a:r>
            <a:r>
              <a:rPr lang="en-GB" sz="2000" dirty="0">
                <a:solidFill>
                  <a:schemeClr val="accent3"/>
                </a:solidFill>
                <a:latin typeface="Open Sans Extrabold" panose="020B0906030804020204" pitchFamily="34" charset="0"/>
                <a:ea typeface="Open Sans Extrabold" panose="020B0906030804020204" pitchFamily="34" charset="0"/>
                <a:cs typeface="Open Sans Extrabold" panose="020B0906030804020204" pitchFamily="34" charset="0"/>
              </a:rPr>
              <a:t> </a:t>
            </a:r>
            <a:r>
              <a:rPr lang="en-GB" sz="2000" dirty="0" err="1">
                <a:solidFill>
                  <a:schemeClr val="accent3"/>
                </a:solidFill>
                <a:latin typeface="Open Sans Extrabold" panose="020B0906030804020204" pitchFamily="34" charset="0"/>
                <a:ea typeface="Open Sans Extrabold" panose="020B0906030804020204" pitchFamily="34" charset="0"/>
                <a:cs typeface="Open Sans Extrabold" panose="020B0906030804020204" pitchFamily="34" charset="0"/>
              </a:rPr>
              <a:t>komunitu</a:t>
            </a:r>
            <a:endParaRPr lang="en-GB" dirty="0"/>
          </a:p>
        </p:txBody>
      </p:sp>
      <p:sp>
        <p:nvSpPr>
          <p:cNvPr id="77" name="TextBox 76">
            <a:extLst>
              <a:ext uri="{FF2B5EF4-FFF2-40B4-BE49-F238E27FC236}">
                <a16:creationId xmlns:a16="http://schemas.microsoft.com/office/drawing/2014/main" id="{EA92A3F6-63E7-442A-99CD-BCE13D2352D5}"/>
              </a:ext>
            </a:extLst>
          </p:cNvPr>
          <p:cNvSpPr txBox="1"/>
          <p:nvPr/>
        </p:nvSpPr>
        <p:spPr>
          <a:xfrm>
            <a:off x="570132" y="539099"/>
            <a:ext cx="8151430" cy="70788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4000" cap="all" dirty="0">
                <a:solidFill>
                  <a:schemeClr val="bg1"/>
                </a:solidFill>
                <a:latin typeface="Open Sans ExtraBold" panose="020B0906030804020204" pitchFamily="34" charset="0"/>
                <a:ea typeface="Open Sans ExtraBold" panose="020B0906030804020204" pitchFamily="34" charset="0"/>
                <a:cs typeface="Open Sans ExtraBold" panose="020B0906030804020204" pitchFamily="34" charset="0"/>
              </a:rPr>
              <a:t>Milestone open Platform</a:t>
            </a:r>
            <a:endParaRPr kumimoji="0" lang="en-GB" sz="4000" b="0" i="0" u="none" strike="noStrike" kern="1200" cap="all" spc="0" normalizeH="0" baseline="0" dirty="0">
              <a:ln>
                <a:noFill/>
              </a:ln>
              <a:solidFill>
                <a:schemeClr val="bg1"/>
              </a:solidFill>
              <a:effectLst/>
              <a:uLnTx/>
              <a:uFillTx/>
              <a:latin typeface="Open Sans ExtraBold" panose="020B0906030804020204" pitchFamily="34" charset="0"/>
              <a:ea typeface="Open Sans ExtraBold" panose="020B0906030804020204" pitchFamily="34" charset="0"/>
              <a:cs typeface="Open Sans ExtraBold" panose="020B0906030804020204" pitchFamily="34" charset="0"/>
            </a:endParaRPr>
          </a:p>
        </p:txBody>
      </p:sp>
    </p:spTree>
    <p:extLst>
      <p:ext uri="{BB962C8B-B14F-4D97-AF65-F5344CB8AC3E}">
        <p14:creationId xmlns:p14="http://schemas.microsoft.com/office/powerpoint/2010/main" val="86748275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A picture containing text, indoor, wall, ceiling&#10;&#10;Description automatically generated">
            <a:extLst>
              <a:ext uri="{FF2B5EF4-FFF2-40B4-BE49-F238E27FC236}">
                <a16:creationId xmlns:a16="http://schemas.microsoft.com/office/drawing/2014/main" id="{F3596DA0-41F1-4DFB-AABA-7B1BC8378C5F}"/>
              </a:ext>
            </a:extLst>
          </p:cNvPr>
          <p:cNvPicPr>
            <a:picLocks noChangeAspect="1"/>
          </p:cNvPicPr>
          <p:nvPr/>
        </p:nvPicPr>
        <p:blipFill rotWithShape="1">
          <a:blip r:embed="rId4" cstate="hqprint">
            <a:extLst>
              <a:ext uri="{28A0092B-C50C-407E-A947-70E740481C1C}">
                <a14:useLocalDpi xmlns:a14="http://schemas.microsoft.com/office/drawing/2010/main"/>
              </a:ext>
            </a:extLst>
          </a:blip>
          <a:srcRect/>
          <a:stretch/>
        </p:blipFill>
        <p:spPr>
          <a:xfrm>
            <a:off x="0" y="0"/>
            <a:ext cx="12192000" cy="6858000"/>
          </a:xfrm>
          <a:prstGeom prst="rect">
            <a:avLst/>
          </a:prstGeom>
        </p:spPr>
      </p:pic>
      <p:pic>
        <p:nvPicPr>
          <p:cNvPr id="12" name="Picture 11" descr="Graphical user interface, text&#10;&#10;Description automatically generated">
            <a:extLst>
              <a:ext uri="{FF2B5EF4-FFF2-40B4-BE49-F238E27FC236}">
                <a16:creationId xmlns:a16="http://schemas.microsoft.com/office/drawing/2014/main" id="{BCEA19F7-C9E7-4BA9-8F25-CA797005FE2B}"/>
              </a:ext>
            </a:extLst>
          </p:cNvPr>
          <p:cNvPicPr>
            <a:picLocks noChangeAspect="1"/>
          </p:cNvPicPr>
          <p:nvPr/>
        </p:nvPicPr>
        <p:blipFill>
          <a:blip r:embed="rId5" cstate="hqprint">
            <a:extLst>
              <a:ext uri="{28A0092B-C50C-407E-A947-70E740481C1C}">
                <a14:useLocalDpi xmlns:a14="http://schemas.microsoft.com/office/drawing/2010/main"/>
              </a:ext>
            </a:extLst>
          </a:blip>
          <a:stretch>
            <a:fillRect/>
          </a:stretch>
        </p:blipFill>
        <p:spPr>
          <a:xfrm>
            <a:off x="192430" y="33604"/>
            <a:ext cx="6307522" cy="1616681"/>
          </a:xfrm>
          <a:prstGeom prst="rect">
            <a:avLst/>
          </a:prstGeom>
        </p:spPr>
      </p:pic>
      <p:sp>
        <p:nvSpPr>
          <p:cNvPr id="3" name="Footer Placeholder 2">
            <a:extLst>
              <a:ext uri="{FF2B5EF4-FFF2-40B4-BE49-F238E27FC236}">
                <a16:creationId xmlns:a16="http://schemas.microsoft.com/office/drawing/2014/main" id="{B52303B8-38C8-4859-90D5-AEAA36500A3A}"/>
              </a:ext>
            </a:extLst>
          </p:cNvPr>
          <p:cNvSpPr>
            <a:spLocks noGrp="1"/>
          </p:cNvSpPr>
          <p:nvPr>
            <p:ph type="ftr" sz="quarter" idx="24"/>
          </p:nvPr>
        </p:nvSpPr>
        <p:spPr/>
        <p:txBody>
          <a:bodyPr/>
          <a:lstStyle/>
          <a:p>
            <a:endParaRPr lang="en-GB" dirty="0"/>
          </a:p>
        </p:txBody>
      </p:sp>
      <p:sp>
        <p:nvSpPr>
          <p:cNvPr id="4" name="Text Placeholder 3">
            <a:extLst>
              <a:ext uri="{FF2B5EF4-FFF2-40B4-BE49-F238E27FC236}">
                <a16:creationId xmlns:a16="http://schemas.microsoft.com/office/drawing/2014/main" id="{75BFB325-4D12-458D-B184-7AFFEE0EDF32}"/>
              </a:ext>
            </a:extLst>
          </p:cNvPr>
          <p:cNvSpPr>
            <a:spLocks noGrp="1"/>
          </p:cNvSpPr>
          <p:nvPr>
            <p:ph type="body" sz="quarter" idx="26"/>
          </p:nvPr>
        </p:nvSpPr>
        <p:spPr/>
        <p:txBody>
          <a:bodyPr/>
          <a:lstStyle/>
          <a:p>
            <a:endParaRPr lang="en-GB" dirty="0"/>
          </a:p>
        </p:txBody>
      </p:sp>
      <p:pic>
        <p:nvPicPr>
          <p:cNvPr id="6" name="Picture 5">
            <a:extLst>
              <a:ext uri="{FF2B5EF4-FFF2-40B4-BE49-F238E27FC236}">
                <a16:creationId xmlns:a16="http://schemas.microsoft.com/office/drawing/2014/main" id="{C0725DBD-DF6E-4047-A796-8CD23BD16112}"/>
              </a:ext>
            </a:extLst>
          </p:cNvPr>
          <p:cNvPicPr>
            <a:picLocks noChangeAspect="1"/>
          </p:cNvPicPr>
          <p:nvPr/>
        </p:nvPicPr>
        <p:blipFill>
          <a:blip r:embed="rId6"/>
          <a:stretch>
            <a:fillRect/>
          </a:stretch>
        </p:blipFill>
        <p:spPr>
          <a:xfrm>
            <a:off x="10078898" y="-54335"/>
            <a:ext cx="1749704" cy="975445"/>
          </a:xfrm>
          <a:prstGeom prst="rect">
            <a:avLst/>
          </a:prstGeom>
        </p:spPr>
      </p:pic>
    </p:spTree>
    <p:custDataLst>
      <p:tags r:id="rId1"/>
    </p:custDataLst>
    <p:extLst>
      <p:ext uri="{BB962C8B-B14F-4D97-AF65-F5344CB8AC3E}">
        <p14:creationId xmlns:p14="http://schemas.microsoft.com/office/powerpoint/2010/main" val="178476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 name="Rectangle 20">
            <a:extLst>
              <a:ext uri="{FF2B5EF4-FFF2-40B4-BE49-F238E27FC236}">
                <a16:creationId xmlns:a16="http://schemas.microsoft.com/office/drawing/2014/main" id="{57259569-D44C-4832-BFAC-DACD76ED8FF5}"/>
              </a:ext>
            </a:extLst>
          </p:cNvPr>
          <p:cNvSpPr/>
          <p:nvPr/>
        </p:nvSpPr>
        <p:spPr>
          <a:xfrm>
            <a:off x="0" y="0"/>
            <a:ext cx="609599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5" name="Footer Placeholder 4"/>
          <p:cNvSpPr>
            <a:spLocks noGrp="1"/>
          </p:cNvSpPr>
          <p:nvPr>
            <p:ph type="ftr" sz="quarter" idx="20"/>
          </p:nvPr>
        </p:nvSpPr>
        <p:spPr/>
        <p:txBody>
          <a:bodyPr/>
          <a:lstStyle/>
          <a:p>
            <a:endParaRPr lang="en-GB"/>
          </a:p>
        </p:txBody>
      </p:sp>
      <p:sp>
        <p:nvSpPr>
          <p:cNvPr id="3" name="Text Placeholder 2">
            <a:extLst>
              <a:ext uri="{FF2B5EF4-FFF2-40B4-BE49-F238E27FC236}">
                <a16:creationId xmlns:a16="http://schemas.microsoft.com/office/drawing/2014/main" id="{823B6160-85A1-433C-A43D-DB45BFD94804}"/>
              </a:ext>
            </a:extLst>
          </p:cNvPr>
          <p:cNvSpPr>
            <a:spLocks noGrp="1"/>
          </p:cNvSpPr>
          <p:nvPr>
            <p:ph type="body" sz="quarter" idx="14"/>
          </p:nvPr>
        </p:nvSpPr>
        <p:spPr/>
        <p:txBody>
          <a:bodyPr/>
          <a:lstStyle/>
          <a:p>
            <a:endParaRPr lang="en-GB"/>
          </a:p>
        </p:txBody>
      </p:sp>
      <p:sp>
        <p:nvSpPr>
          <p:cNvPr id="18" name="Rectangle 17">
            <a:extLst>
              <a:ext uri="{FF2B5EF4-FFF2-40B4-BE49-F238E27FC236}">
                <a16:creationId xmlns:a16="http://schemas.microsoft.com/office/drawing/2014/main" id="{5EC3726F-57EF-4EE1-A6A1-01DF64E2D2DA}"/>
              </a:ext>
            </a:extLst>
          </p:cNvPr>
          <p:cNvSpPr/>
          <p:nvPr/>
        </p:nvSpPr>
        <p:spPr>
          <a:xfrm>
            <a:off x="6095993" y="-4"/>
            <a:ext cx="6096003" cy="305521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2" name="TextBox 21">
            <a:extLst>
              <a:ext uri="{FF2B5EF4-FFF2-40B4-BE49-F238E27FC236}">
                <a16:creationId xmlns:a16="http://schemas.microsoft.com/office/drawing/2014/main" id="{3582E255-AFE1-4A74-9718-D8A47B30754F}"/>
              </a:ext>
            </a:extLst>
          </p:cNvPr>
          <p:cNvSpPr txBox="1"/>
          <p:nvPr/>
        </p:nvSpPr>
        <p:spPr>
          <a:xfrm>
            <a:off x="6095989" y="543597"/>
            <a:ext cx="5858255" cy="1200329"/>
          </a:xfrm>
          <a:prstGeom prst="rect">
            <a:avLst/>
          </a:prstGeom>
          <a:noFill/>
        </p:spPr>
        <p:txBody>
          <a:bodyPr wrap="square" rtlCol="0">
            <a:spAutoFit/>
          </a:bodyPr>
          <a:lstStyle/>
          <a:p>
            <a:pPr marL="0" marR="0" lvl="0" indent="0" algn="ctr" defTabSz="914400" rtl="0" eaLnBrk="1" fontAlgn="auto" latinLnBrk="0" hangingPunct="1">
              <a:spcBef>
                <a:spcPts val="0"/>
              </a:spcBef>
              <a:spcAft>
                <a:spcPts val="0"/>
              </a:spcAft>
              <a:buClrTx/>
              <a:buSzTx/>
              <a:buFontTx/>
              <a:buNone/>
              <a:tabLst/>
              <a:defRPr/>
            </a:pPr>
            <a:r>
              <a:rPr lang="en-GB" sz="2400" dirty="0">
                <a:solidFill>
                  <a:schemeClr val="bg1"/>
                </a:solidFill>
                <a:latin typeface="+mj-lt"/>
                <a:ea typeface="Open Sans Extrabold" panose="020B0906030804020204" pitchFamily="34" charset="0"/>
                <a:cs typeface="Open Sans Extrabold" panose="020B0906030804020204" pitchFamily="34" charset="0"/>
              </a:rPr>
              <a:t>Advanced </a:t>
            </a:r>
            <a:endParaRPr lang="en-GB" dirty="0"/>
          </a:p>
          <a:p>
            <a:pPr marL="0" marR="0" lvl="0" indent="0" algn="ctr" defTabSz="914400" rtl="0" eaLnBrk="1" fontAlgn="auto" latinLnBrk="0" hangingPunct="1">
              <a:spcBef>
                <a:spcPts val="0"/>
              </a:spcBef>
              <a:spcAft>
                <a:spcPts val="0"/>
              </a:spcAft>
              <a:buClrTx/>
              <a:buSzTx/>
              <a:buFontTx/>
              <a:buNone/>
              <a:tabLst/>
              <a:defRPr/>
            </a:pPr>
            <a:r>
              <a:rPr lang="en-GB" sz="2400" dirty="0">
                <a:solidFill>
                  <a:schemeClr val="accent3"/>
                </a:solidFill>
                <a:latin typeface="Open Sans Extrabold" panose="020B0906030804020204" pitchFamily="34" charset="0"/>
                <a:ea typeface="Open Sans Extrabold" panose="020B0906030804020204" pitchFamily="34" charset="0"/>
                <a:cs typeface="Open Sans Extrabold" panose="020B0906030804020204" pitchFamily="34" charset="0"/>
              </a:rPr>
              <a:t>video analytics</a:t>
            </a:r>
            <a:endParaRPr lang="en-GB" dirty="0"/>
          </a:p>
          <a:p>
            <a:pPr marL="0" marR="0" lvl="0" indent="0" algn="ctr" defTabSz="914400" rtl="0" eaLnBrk="1" fontAlgn="auto" latinLnBrk="0" hangingPunct="1">
              <a:spcBef>
                <a:spcPts val="0"/>
              </a:spcBef>
              <a:spcAft>
                <a:spcPts val="0"/>
              </a:spcAft>
              <a:buClrTx/>
              <a:buSzTx/>
              <a:buFontTx/>
              <a:buNone/>
              <a:tabLst/>
              <a:defRPr/>
            </a:pPr>
            <a:r>
              <a:rPr lang="en-GB" sz="2400" dirty="0">
                <a:solidFill>
                  <a:schemeClr val="bg1"/>
                </a:solidFill>
                <a:latin typeface="+mj-lt"/>
                <a:ea typeface="Open Sans Extrabold" panose="020B0906030804020204" pitchFamily="34" charset="0"/>
                <a:cs typeface="Open Sans Extrabold" panose="020B0906030804020204" pitchFamily="34" charset="0"/>
              </a:rPr>
              <a:t>Powered by </a:t>
            </a:r>
            <a:r>
              <a:rPr lang="en-GB" sz="2400" dirty="0" err="1">
                <a:solidFill>
                  <a:schemeClr val="bg1"/>
                </a:solidFill>
                <a:latin typeface="+mj-lt"/>
                <a:ea typeface="Open Sans Extrabold" panose="020B0906030804020204" pitchFamily="34" charset="0"/>
                <a:cs typeface="Open Sans Extrabold" panose="020B0906030804020204" pitchFamily="34" charset="0"/>
              </a:rPr>
              <a:t>BriefCam</a:t>
            </a:r>
            <a:endParaRPr lang="en-GB" dirty="0"/>
          </a:p>
        </p:txBody>
      </p:sp>
      <p:pic>
        <p:nvPicPr>
          <p:cNvPr id="17" name="Picture 16" descr="Graphical user interface, text&#10;&#10;Description automatically generated with medium confidence">
            <a:extLst>
              <a:ext uri="{FF2B5EF4-FFF2-40B4-BE49-F238E27FC236}">
                <a16:creationId xmlns:a16="http://schemas.microsoft.com/office/drawing/2014/main" id="{CB981B3B-255C-4B5B-9C05-125BB201C16E}"/>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747900" y="2798476"/>
            <a:ext cx="4638487" cy="730470"/>
          </a:xfrm>
          <a:prstGeom prst="rect">
            <a:avLst/>
          </a:prstGeom>
        </p:spPr>
      </p:pic>
      <p:pic>
        <p:nvPicPr>
          <p:cNvPr id="6" name="Picture 5" descr="A picture containing outdoor, skiing, slope&#10;&#10;Description automatically generated">
            <a:extLst>
              <a:ext uri="{FF2B5EF4-FFF2-40B4-BE49-F238E27FC236}">
                <a16:creationId xmlns:a16="http://schemas.microsoft.com/office/drawing/2014/main" id="{79780685-80BF-4E58-900F-4A9ACDBFF002}"/>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6095993" y="3055213"/>
            <a:ext cx="6096007" cy="3802787"/>
          </a:xfrm>
          <a:prstGeom prst="rect">
            <a:avLst/>
          </a:prstGeom>
        </p:spPr>
      </p:pic>
    </p:spTree>
    <p:custDataLst>
      <p:tags r:id="rId1"/>
    </p:custDataLst>
    <p:extLst>
      <p:ext uri="{BB962C8B-B14F-4D97-AF65-F5344CB8AC3E}">
        <p14:creationId xmlns:p14="http://schemas.microsoft.com/office/powerpoint/2010/main" val="282833491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740299621948100"/>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Traffic monitoring 1 Rich icon.svg"/>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Traffic monitoring 1 Rich icon.svg"/>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Traffic monitoring 1 Rich icon.svg"/>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Public safety Rich icon.svg"/>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Smart Wall person Rich icon.svg"/>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Salesperson Rich icon.svg"/>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Salesperson Rich icon.svg"/>
  <p:tag name="TEMPLAFYSLIDEID" val="637740299630073142"/>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ttz\AppData\Local\Temp\Templafy\PowerPointVsto\Assets\a61b9055-de7a-46ce-89d6-09f714b9decd.jpeg"/>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Operator Icon ( Clear Blue ).svg"/>
</p:tagLst>
</file>

<file path=ppt/tags/tag19.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Motion Detector Icon ( Clear Blue ).sv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Supported Languages Icon ( Clear Blue ).svg"/>
  <p:tag name="TEMPLAFYSLIDEID" val="637740299628510677"/>
</p:tagLst>
</file>

<file path=ppt/tags/tag20.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Clock Icon ( Clear Blue ).svg"/>
  <p:tag name="TEMPLAFYSLIDEID" val="637740299628666879"/>
</p:tagLst>
</file>

<file path=ppt/tags/tag21.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Cybersecurity 3 Rich icon.svg"/>
</p:tagLst>
</file>

<file path=ppt/tags/tag22.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Community Rich icon.svg"/>
  <p:tag name="TEMPLAFYSLIDEID" val="637740299630229376"/>
</p:tagLst>
</file>

<file path=ppt/tags/tag23.xml><?xml version="1.0" encoding="utf-8"?>
<p:tagLst xmlns:a="http://schemas.openxmlformats.org/drawingml/2006/main" xmlns:r="http://schemas.openxmlformats.org/officeDocument/2006/relationships" xmlns:p="http://schemas.openxmlformats.org/presentationml/2006/main">
  <p:tag name="CONTAINEDIMAGEPATH" val="C:\Users\jlr\AppData\Local\Temp\Templafy\PowerPointVsto\Assets\Alliance_Partner_Ip_Cameras_Icon_Blue.png"/>
</p:tagLst>
</file>

<file path=ppt/tags/tag24.xml><?xml version="1.0" encoding="utf-8"?>
<p:tagLst xmlns:a="http://schemas.openxmlformats.org/drawingml/2006/main" xmlns:r="http://schemas.openxmlformats.org/officeDocument/2006/relationships" xmlns:p="http://schemas.openxmlformats.org/presentationml/2006/main">
  <p:tag name="CONTAINEDIMAGEPATH" val="C:\Users\jlr\AppData\Local\Temp\Templafy\PowerPointVsto\Assets\Alliance_Partner_Analog_Cameras_Video_Servers_Icon_Blue.png"/>
  <p:tag name="TEMPLAFYSLIDEID" val="637740299630698374"/>
</p:tagLst>
</file>

<file path=ppt/tags/tag25.xml><?xml version="1.0" encoding="utf-8"?>
<p:tagLst xmlns:a="http://schemas.openxmlformats.org/drawingml/2006/main" xmlns:r="http://schemas.openxmlformats.org/officeDocument/2006/relationships" xmlns:p="http://schemas.openxmlformats.org/presentationml/2006/main">
  <p:tag name="TEMPLAFYSLIDEID" val="637605625072411404"/>
</p:tagLst>
</file>

<file path=ppt/tags/tag26.xml><?xml version="1.0" encoding="utf-8"?>
<p:tagLst xmlns:a="http://schemas.openxmlformats.org/drawingml/2006/main" xmlns:r="http://schemas.openxmlformats.org/officeDocument/2006/relationships" xmlns:p="http://schemas.openxmlformats.org/presentationml/2006/main">
  <p:tag name="TEMPLAFYSLIDEID" val="637740299633510618"/>
</p:tagLst>
</file>

<file path=ppt/tags/tag27.xml><?xml version="1.0" encoding="utf-8"?>
<p:tagLst xmlns:a="http://schemas.openxmlformats.org/drawingml/2006/main" xmlns:r="http://schemas.openxmlformats.org/officeDocument/2006/relationships" xmlns:p="http://schemas.openxmlformats.org/presentationml/2006/main">
  <p:tag name="TEMPLAFYSLIDEID" val="637740299635385768"/>
</p:tagLst>
</file>

<file path=ppt/tags/tag28.xml><?xml version="1.0" encoding="utf-8"?>
<p:tagLst xmlns:a="http://schemas.openxmlformats.org/drawingml/2006/main" xmlns:r="http://schemas.openxmlformats.org/officeDocument/2006/relationships" xmlns:p="http://schemas.openxmlformats.org/presentationml/2006/main">
  <p:tag name="TEMPLAFYSLIDEID" val="637740299633198276"/>
</p:tagLst>
</file>

<file path=ppt/tags/tag29.xml><?xml version="1.0" encoding="utf-8"?>
<p:tagLst xmlns:a="http://schemas.openxmlformats.org/drawingml/2006/main" xmlns:r="http://schemas.openxmlformats.org/officeDocument/2006/relationships" xmlns:p="http://schemas.openxmlformats.org/presentationml/2006/main">
  <p:tag name="TEMPLAFYSLIDEID" val="637740299631323112"/>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IP Cameras Icon ( Clear Blue ).svg"/>
  <p:tag name="TEMPLAFYSLIDEID" val="637740299628510678"/>
</p:tagLst>
</file>

<file path=ppt/tags/tag30.xml><?xml version="1.0" encoding="utf-8"?>
<p:tagLst xmlns:a="http://schemas.openxmlformats.org/drawingml/2006/main" xmlns:r="http://schemas.openxmlformats.org/officeDocument/2006/relationships" xmlns:p="http://schemas.openxmlformats.org/presentationml/2006/main">
  <p:tag name="TEMPLAFYSLIDEID" val="637740299631479369"/>
</p:tagLst>
</file>

<file path=ppt/tags/tag31.xml><?xml version="1.0" encoding="utf-8"?>
<p:tagLst xmlns:a="http://schemas.openxmlformats.org/drawingml/2006/main" xmlns:r="http://schemas.openxmlformats.org/officeDocument/2006/relationships" xmlns:p="http://schemas.openxmlformats.org/presentationml/2006/main">
  <p:tag name="TEMPLAFYSLIDEID" val="637740299632104529"/>
</p:tagLst>
</file>

<file path=ppt/tags/tag32.xml><?xml version="1.0" encoding="utf-8"?>
<p:tagLst xmlns:a="http://schemas.openxmlformats.org/drawingml/2006/main" xmlns:r="http://schemas.openxmlformats.org/officeDocument/2006/relationships" xmlns:p="http://schemas.openxmlformats.org/presentationml/2006/main">
  <p:tag name="TEMPLAFYSLIDEID" val="637740299632104530"/>
</p:tagLst>
</file>

<file path=ppt/tags/tag33.xml><?xml version="1.0" encoding="utf-8"?>
<p:tagLst xmlns:a="http://schemas.openxmlformats.org/drawingml/2006/main" xmlns:r="http://schemas.openxmlformats.org/officeDocument/2006/relationships" xmlns:p="http://schemas.openxmlformats.org/presentationml/2006/main">
  <p:tag name="TEMPLAFYSLIDEID" val="637740299632573118"/>
</p:tagLst>
</file>

<file path=ppt/tags/tag34.xml><?xml version="1.0" encoding="utf-8"?>
<p:tagLst xmlns:a="http://schemas.openxmlformats.org/drawingml/2006/main" xmlns:r="http://schemas.openxmlformats.org/officeDocument/2006/relationships" xmlns:p="http://schemas.openxmlformats.org/presentationml/2006/main">
  <p:tag name="TEMPLAFYSLIDEID" val="637740299632729354"/>
</p:tagLst>
</file>

<file path=ppt/tags/tag35.xml><?xml version="1.0" encoding="utf-8"?>
<p:tagLst xmlns:a="http://schemas.openxmlformats.org/drawingml/2006/main" xmlns:r="http://schemas.openxmlformats.org/officeDocument/2006/relationships" xmlns:p="http://schemas.openxmlformats.org/presentationml/2006/main">
  <p:tag name="TEMPLAFYSLIDEID" val="636251598842441760"/>
</p:tagLst>
</file>

<file path=ppt/tags/tag36.xml><?xml version="1.0" encoding="utf-8"?>
<p:tagLst xmlns:a="http://schemas.openxmlformats.org/drawingml/2006/main" xmlns:r="http://schemas.openxmlformats.org/officeDocument/2006/relationships" xmlns:p="http://schemas.openxmlformats.org/presentationml/2006/main">
  <p:tag name="TEMPLAFYSLIDEID" val="636251598842441760"/>
</p:tagLst>
</file>

<file path=ppt/tags/tag37.xml><?xml version="1.0" encoding="utf-8"?>
<p:tagLst xmlns:a="http://schemas.openxmlformats.org/drawingml/2006/main" xmlns:r="http://schemas.openxmlformats.org/officeDocument/2006/relationships" xmlns:p="http://schemas.openxmlformats.org/presentationml/2006/main">
  <p:tag name="TEMPLAFYSLIDEID" val="636964553371565317"/>
</p:tagLst>
</file>

<file path=ppt/tags/tag38.xml><?xml version="1.0" encoding="utf-8"?>
<p:tagLst xmlns:a="http://schemas.openxmlformats.org/drawingml/2006/main" xmlns:r="http://schemas.openxmlformats.org/officeDocument/2006/relationships" xmlns:p="http://schemas.openxmlformats.org/presentationml/2006/main">
  <p:tag name="TEMPLAFYSLIDEID" val="636964553371565317"/>
</p:tagLst>
</file>

<file path=ppt/tags/tag39.xml><?xml version="1.0" encoding="utf-8"?>
<p:tagLst xmlns:a="http://schemas.openxmlformats.org/drawingml/2006/main" xmlns:r="http://schemas.openxmlformats.org/officeDocument/2006/relationships" xmlns:p="http://schemas.openxmlformats.org/presentationml/2006/main">
  <p:tag name="CONTAINEDIMAGEPATH" val="C:\Users\ttz\AppData\Local\Templafy\AddIns\PowerPointVsto\24081e32-a466-4c7d-9034-8b24e2bd7cc7.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Finance and insurance Rich icon.svg"/>
</p:tagLst>
</file>

<file path=ppt/tags/tag40.xml><?xml version="1.0" encoding="utf-8"?>
<p:tagLst xmlns:a="http://schemas.openxmlformats.org/drawingml/2006/main" xmlns:r="http://schemas.openxmlformats.org/officeDocument/2006/relationships" xmlns:p="http://schemas.openxmlformats.org/presentationml/2006/main">
  <p:tag name="TEMPLAFYSLIDEID" val="636821184846563061"/>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Finance and insurance Rich icon.svg"/>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Finance and insurance Rich icon.svg"/>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Park police Rich icon.sv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Incident call center Rich icon.sv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jach\AppData\Local\Temp\Templafy\PowerPointVsto\Assets\Traffic monitoring 2 Rich icon.svg"/>
</p:tagLst>
</file>

<file path=ppt/theme/theme1.xml><?xml version="1.0" encoding="utf-8"?>
<a:theme xmlns:a="http://schemas.openxmlformats.org/drawingml/2006/main" name="Milestone PowerPoint Template">
  <a:themeElements>
    <a:clrScheme name="Milestone">
      <a:dk1>
        <a:sysClr val="windowText" lastClr="000000"/>
      </a:dk1>
      <a:lt1>
        <a:sysClr val="window" lastClr="FFFFFF"/>
      </a:lt1>
      <a:dk2>
        <a:srgbClr val="416B7E"/>
      </a:dk2>
      <a:lt2>
        <a:srgbClr val="40B3E3"/>
      </a:lt2>
      <a:accent1>
        <a:srgbClr val="0099DA"/>
      </a:accent1>
      <a:accent2>
        <a:srgbClr val="023852"/>
      </a:accent2>
      <a:accent3>
        <a:srgbClr val="FFE700"/>
      </a:accent3>
      <a:accent4>
        <a:srgbClr val="9DADB7"/>
      </a:accent4>
      <a:accent5>
        <a:srgbClr val="9E9D8E"/>
      </a:accent5>
      <a:accent6>
        <a:srgbClr val="80CCED"/>
      </a:accent6>
      <a:hlink>
        <a:srgbClr val="023852"/>
      </a:hlink>
      <a:folHlink>
        <a:srgbClr val="023852"/>
      </a:folHlink>
    </a:clrScheme>
    <a:fontScheme name="Milestone">
      <a:majorFont>
        <a:latin typeface="Open Sans Light"/>
        <a:ea typeface=""/>
        <a:cs typeface=""/>
      </a:majorFont>
      <a:minorFont>
        <a:latin typeface="Open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a:defPPr>
      </a:lstStyle>
    </a:txDef>
  </a:objectDefaults>
  <a:extraClrSchemeLst/>
  <a:extLst>
    <a:ext uri="{05A4C25C-085E-4340-85A3-A5531E510DB2}">
      <thm15:themeFamily xmlns:thm15="http://schemas.microsoft.com/office/thememl/2012/main" name="Presentation2" id="{1A5545F2-57C1-4B3D-9DFB-43BD4E6AA1E5}" vid="{D02B545E-AE39-4682-A920-ADE5BD702201}"/>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525" row="3">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7AD321FA-6AA1-460F-946C-63669FC50F13}">
  <we:reference id="f1abd87f-a3ba-42fb-91d5-100000000000" version="1.0.0.6" store="EXCatalog" storeType="EXCatalog"/>
  <we:alternateReferences>
    <we:reference id="WA104380278" version="1.0.0.6" store="en-US"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TemplafySlideFormConfiguration><![CDATA[{"formFields":[],"formDataEntries":[]}]]></TemplafySlideFormConfiguration>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TemplafySlideTemplateConfiguration><![CDATA[{"slideVersion":1,"isValidatorEnabled":false,"isLocked":false,"elementsMetadata":[],"slideId":"637830142564089417","enableDocumentContentUpdater":false,"version":"2.0"}]]></TemplafySlideTemplateConfiguration>
</file>

<file path=customXml/item4.xml><?xml version="1.0" encoding="utf-8"?>
<p:properties xmlns:p="http://schemas.microsoft.com/office/2006/metadata/properties" xmlns:xsi="http://www.w3.org/2001/XMLSchema-instance" xmlns:pc="http://schemas.microsoft.com/office/infopath/2007/PartnerControls">
  <documentManagement/>
</p:properties>
</file>

<file path=customXml/item5.xml><?xml version="1.0" encoding="utf-8"?>
<ct:contentTypeSchema xmlns:ct="http://schemas.microsoft.com/office/2006/metadata/contentType" xmlns:ma="http://schemas.microsoft.com/office/2006/metadata/properties/metaAttributes" ct:_="" ma:_="" ma:contentTypeName="Dokument" ma:contentTypeID="0x01010019686C07DD7DA44E97A356A18D177D2B" ma:contentTypeVersion="10" ma:contentTypeDescription="Opret et nyt dokument." ma:contentTypeScope="" ma:versionID="536b6877cfff382a4c280f4cbe1c0850">
  <xsd:schema xmlns:xsd="http://www.w3.org/2001/XMLSchema" xmlns:xs="http://www.w3.org/2001/XMLSchema" xmlns:p="http://schemas.microsoft.com/office/2006/metadata/properties" xmlns:ns2="2d5c6b1c-6039-4ea7-b7ec-c110c608ef24" targetNamespace="http://schemas.microsoft.com/office/2006/metadata/properties" ma:root="true" ma:fieldsID="9ada8ef10005b86afed38e1f0d80bdbb" ns2:_="">
    <xsd:import namespace="2d5c6b1c-6039-4ea7-b7ec-c110c608ef24"/>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AutoTags" minOccurs="0"/>
                <xsd:element ref="ns2:MediaServiceOCR" minOccurs="0"/>
                <xsd:element ref="ns2:MediaServiceGenerationTime" minOccurs="0"/>
                <xsd:element ref="ns2:MediaServiceEventHashCode" minOccurs="0"/>
                <xsd:element ref="ns2:MediaServiceDateTaken" minOccurs="0"/>
                <xsd:element ref="ns2: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2d5c6b1c-6039-4ea7-b7ec-c110c608ef2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DateTaken" ma:index="16" nillable="true" ma:displayName="MediaServiceDateTaken" ma:hidden="true" ma:internalName="MediaServiceDateTaken" ma:readOnly="true">
      <xsd:simpleType>
        <xsd:restriction base="dms:Text"/>
      </xsd:simpleType>
    </xsd:element>
    <xsd:element name="MediaServiceLocation" ma:index="17" nillable="true" ma:displayName="Location" ma:internalName="MediaServiceLocation"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838E88BD-14F8-41A3-AF60-7F0A3D07B7CC}">
  <ds:schemaRefs/>
</ds:datastoreItem>
</file>

<file path=customXml/itemProps2.xml><?xml version="1.0" encoding="utf-8"?>
<ds:datastoreItem xmlns:ds="http://schemas.openxmlformats.org/officeDocument/2006/customXml" ds:itemID="{610923BA-42B7-4519-B28C-193E79D7F18F}">
  <ds:schemaRefs>
    <ds:schemaRef ds:uri="http://schemas.microsoft.com/sharepoint/v3/contenttype/forms"/>
  </ds:schemaRefs>
</ds:datastoreItem>
</file>

<file path=customXml/itemProps3.xml><?xml version="1.0" encoding="utf-8"?>
<ds:datastoreItem xmlns:ds="http://schemas.openxmlformats.org/officeDocument/2006/customXml" ds:itemID="{EB972A12-4537-4004-ACB7-386DD4B804A9}">
  <ds:schemaRefs/>
</ds:datastoreItem>
</file>

<file path=customXml/itemProps4.xml><?xml version="1.0" encoding="utf-8"?>
<ds:datastoreItem xmlns:ds="http://schemas.openxmlformats.org/officeDocument/2006/customXml" ds:itemID="{774B8FA8-BFB3-4119-B2AB-616B3F475425}">
  <ds:schemaRefs>
    <ds:schemaRef ds:uri="http://schemas.microsoft.com/office/2006/metadata/properties"/>
    <ds:schemaRef ds:uri="http://schemas.microsoft.com/office/infopath/2007/PartnerControls"/>
  </ds:schemaRefs>
</ds:datastoreItem>
</file>

<file path=customXml/itemProps5.xml><?xml version="1.0" encoding="utf-8"?>
<ds:datastoreItem xmlns:ds="http://schemas.openxmlformats.org/officeDocument/2006/customXml" ds:itemID="{D3CC7DD5-FC46-4BDA-84C8-4A542E9ED834}">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2d5c6b1c-6039-4ea7-b7ec-c110c608ef2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blank</Template>
  <TotalTime>1408</TotalTime>
  <Words>2385</Words>
  <Application>Microsoft Office PowerPoint</Application>
  <PresentationFormat>Širokoúhlá obrazovka</PresentationFormat>
  <Paragraphs>340</Paragraphs>
  <Slides>27</Slides>
  <Notes>27</Notes>
  <HiddenSlides>0</HiddenSlides>
  <MMClips>0</MMClips>
  <ScaleCrop>false</ScaleCrop>
  <HeadingPairs>
    <vt:vector size="6" baseType="variant">
      <vt:variant>
        <vt:lpstr>Použitá písma</vt:lpstr>
      </vt:variant>
      <vt:variant>
        <vt:i4>10</vt:i4>
      </vt:variant>
      <vt:variant>
        <vt:lpstr>Motiv</vt:lpstr>
      </vt:variant>
      <vt:variant>
        <vt:i4>1</vt:i4>
      </vt:variant>
      <vt:variant>
        <vt:lpstr>Nadpisy snímků</vt:lpstr>
      </vt:variant>
      <vt:variant>
        <vt:i4>27</vt:i4>
      </vt:variant>
    </vt:vector>
  </HeadingPairs>
  <TitlesOfParts>
    <vt:vector size="38" baseType="lpstr">
      <vt:lpstr>Open Sans Extrabold</vt:lpstr>
      <vt:lpstr>OpenSymbol</vt:lpstr>
      <vt:lpstr>Calibri</vt:lpstr>
      <vt:lpstr>Open Sans Light</vt:lpstr>
      <vt:lpstr>OpenSans-Bold</vt:lpstr>
      <vt:lpstr>Verdana</vt:lpstr>
      <vt:lpstr>Open Sans</vt:lpstr>
      <vt:lpstr>Open Sans Extrabold</vt:lpstr>
      <vt:lpstr>Arial</vt:lpstr>
      <vt:lpstr>OpenSans</vt:lpstr>
      <vt:lpstr>Milestone PowerPoint Template</vt:lpstr>
      <vt:lpstr>PŘEMÝŠLEJME JAK SE MĚNÍ ŽIVOT VE MĚSTECH CONNECTED VIDEO TECHNOLOGY FOR SAFE CITIES</vt:lpstr>
      <vt:lpstr>Jak toto vyřešit ?  Je čas, abychom se všichni zamysleli jak žít  v moderních městech.</vt:lpstr>
      <vt:lpstr>Využijme technologii chytrého videa na maximum</vt:lpstr>
      <vt:lpstr>Prezentace aplikace PowerPoint</vt:lpstr>
      <vt:lpstr>Nasazení pokročilých video technologií ve městech může mít obrovský dopad</vt:lpstr>
      <vt:lpstr>Prezentace aplikace PowerPoint</vt:lpstr>
      <vt:lpstr>Prezentace aplikace PowerPoint</vt:lpstr>
      <vt:lpstr>Prezentace aplikace PowerPoint</vt:lpstr>
      <vt:lpstr>Prezentace aplikace PowerPoint</vt:lpstr>
      <vt:lpstr>GDPR-ready certifikát</vt:lpstr>
      <vt:lpstr>Prezentace aplikace PowerPoint</vt:lpstr>
      <vt:lpstr>Bezpečnost měst  Jak video technologie pomáhají zlepšit bezpečnost měst ?</vt:lpstr>
      <vt:lpstr>Propojená video řešení pro bezpečnost  měst</vt:lpstr>
      <vt:lpstr>Městská doprava  Jak video technologie pomáhají hlídat pohodlnou a bezpečnou městskou dopravu ?</vt:lpstr>
      <vt:lpstr>Propojená video řešení pro městskou dopravu</vt:lpstr>
      <vt:lpstr>Udržitelná města  Jak video technologie pomáhají optimalizovat využití zdrojů a předcházet incidentům ?</vt:lpstr>
      <vt:lpstr>Propojená video řešení pro  udržitelná města</vt:lpstr>
      <vt:lpstr>Milestone Smart City projekty</vt:lpstr>
      <vt:lpstr>Milestone Smart City projekty</vt:lpstr>
      <vt:lpstr>Milestone SMARTCity </vt:lpstr>
      <vt:lpstr>Prezentace aplikace PowerPoint</vt:lpstr>
      <vt:lpstr>Prezentace aplikace PowerPoint</vt:lpstr>
      <vt:lpstr>Prezentace aplikace PowerPoint</vt:lpstr>
      <vt:lpstr>Prezentace aplikace PowerPoint</vt:lpstr>
      <vt:lpstr>Prezentace aplikace PowerPoint</vt:lpstr>
      <vt:lpstr>Pojďme společně tvořit budoucnost</vt:lpstr>
      <vt:lpstr>Děkuji za pozornos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LET’S RETHINK CITY LIVING</dc:title>
  <dc:creator>Jackie Høgh Andreasen</dc:creator>
  <cp:lastModifiedBy>Alena Nessmithová</cp:lastModifiedBy>
  <cp:revision>72</cp:revision>
  <dcterms:created xsi:type="dcterms:W3CDTF">2021-09-29T14:28:10Z</dcterms:created>
  <dcterms:modified xsi:type="dcterms:W3CDTF">2022-06-15T19:19: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milestonesys</vt:lpwstr>
  </property>
  <property fmtid="{D5CDD505-2E9C-101B-9397-08002B2CF9AE}" pid="3" name="TemplateId">
    <vt:lpwstr>637710195786837713</vt:lpwstr>
  </property>
  <property fmtid="{D5CDD505-2E9C-101B-9397-08002B2CF9AE}" pid="4" name="PluginDependencies_0">
    <vt:lpwstr>{"635690283596553901:636192106028812228":[],"635690283596553901:635953638118278257":[],"635690283596553901:636191157430573744":[]}</vt:lpwstr>
  </property>
  <property fmtid="{D5CDD505-2E9C-101B-9397-08002B2CF9AE}" pid="5" name="UserProfileId">
    <vt:lpwstr>637244318403008379</vt:lpwstr>
  </property>
  <property fmtid="{D5CDD505-2E9C-101B-9397-08002B2CF9AE}" pid="6" name="TemplafyTimeStamp">
    <vt:lpwstr>2017-03-15T07:31:13.6212353Z</vt:lpwstr>
  </property>
  <property fmtid="{D5CDD505-2E9C-101B-9397-08002B2CF9AE}" pid="7" name="ContentTypeId">
    <vt:lpwstr>0x01010019686C07DD7DA44E97A356A18D177D2B</vt:lpwstr>
  </property>
</Properties>
</file>